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191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7277028\Desktop\EstupefacientesColombia\data\Excel\"/>
    </mc:Choice>
  </mc:AlternateContent>
  <xr:revisionPtr revIDLastSave="0" documentId="10_ncr:100000_{0B441F1F-5EDC-4F2D-899B-2CAD06E8A3B5}" xr6:coauthVersionLast="31" xr6:coauthVersionMax="31" xr10:uidLastSave="{00000000-0000-0000-0000-000000000000}"/>
  <bookViews>
    <workbookView xWindow="0" yWindow="0" windowWidth="25200" windowHeight="11775" xr2:uid="{00000000-000D-0000-FFFF-FFFF00000000}"/>
  </bookViews>
  <sheets>
    <sheet name="First Sheet" sheetId="1" r:id="rId1"/>
  </sheets>
  <calcPr calcId="0"/>
</workbook>
</file>

<file path=xl/sharedStrings.xml><?xml version="1.0" encoding="utf-8"?>
<sst xmlns="http://schemas.openxmlformats.org/spreadsheetml/2006/main" count="1932464" uniqueCount="9154">
  <si>
    <t>FECHA</t>
  </si>
  <si>
    <t>DEPARTAMENTO</t>
  </si>
  <si>
    <t>MUNICIPIO</t>
  </si>
  <si>
    <t>CLASE DE ESTUPEFACIENTE</t>
  </si>
  <si>
    <t>CLASE DE SITIO</t>
  </si>
  <si>
    <t>ZONA</t>
  </si>
  <si>
    <t>UNIDAD DE MEDIDA</t>
  </si>
  <si>
    <t>CANTIDAD</t>
  </si>
  <si>
    <t>01/01/2011 12:00:00 AM</t>
  </si>
  <si>
    <t>AMAZONAS</t>
  </si>
  <si>
    <t xml:space="preserve">LETICIA </t>
  </si>
  <si>
    <t>BASUCO</t>
  </si>
  <si>
    <t>VIAS PUBLICAS</t>
  </si>
  <si>
    <t>URBANA</t>
  </si>
  <si>
    <t>GRAMO</t>
  </si>
  <si>
    <t>1</t>
  </si>
  <si>
    <t>ANTIOQUIA</t>
  </si>
  <si>
    <t>AMALFI</t>
  </si>
  <si>
    <t>MARIHUANA</t>
  </si>
  <si>
    <t>SECTOR COMERCIO</t>
  </si>
  <si>
    <t>14</t>
  </si>
  <si>
    <t>ANDES</t>
  </si>
  <si>
    <t>RURAL</t>
  </si>
  <si>
    <t>6</t>
  </si>
  <si>
    <t>BETULIA</t>
  </si>
  <si>
    <t>16</t>
  </si>
  <si>
    <t>CAMPAMENTO</t>
  </si>
  <si>
    <t>PARQUES</t>
  </si>
  <si>
    <t>CAROLINA</t>
  </si>
  <si>
    <t>3</t>
  </si>
  <si>
    <t>CAUCASIA</t>
  </si>
  <si>
    <t>42</t>
  </si>
  <si>
    <t>CIUDAD BOLÍVAR</t>
  </si>
  <si>
    <t>60</t>
  </si>
  <si>
    <t>EBÉJICO</t>
  </si>
  <si>
    <t>5</t>
  </si>
  <si>
    <t>FREDONIA</t>
  </si>
  <si>
    <t>BASE DE COCA</t>
  </si>
  <si>
    <t>FRONTINO</t>
  </si>
  <si>
    <t>HELICONIA</t>
  </si>
  <si>
    <t>JERICÓ</t>
  </si>
  <si>
    <t>7</t>
  </si>
  <si>
    <t>LIBORINA</t>
  </si>
  <si>
    <t xml:space="preserve">MEDELLÍN </t>
  </si>
  <si>
    <t>120</t>
  </si>
  <si>
    <t>520</t>
  </si>
  <si>
    <t>PUERTO BERRÍO</t>
  </si>
  <si>
    <t>24</t>
  </si>
  <si>
    <t>REMEDIOS</t>
  </si>
  <si>
    <t>10</t>
  </si>
  <si>
    <t>RIONEGRO</t>
  </si>
  <si>
    <t>COCAINA</t>
  </si>
  <si>
    <t>2</t>
  </si>
  <si>
    <t>TÁMESIS</t>
  </si>
  <si>
    <t>YALÍ</t>
  </si>
  <si>
    <t>BOLÍVAR</t>
  </si>
  <si>
    <t>CALAMAR</t>
  </si>
  <si>
    <t>45</t>
  </si>
  <si>
    <t xml:space="preserve">CARTAGENA </t>
  </si>
  <si>
    <t>52</t>
  </si>
  <si>
    <t>50</t>
  </si>
  <si>
    <t>SANTA ROSA DEL SUR</t>
  </si>
  <si>
    <t>BOYACÁ</t>
  </si>
  <si>
    <t>PUERTO BOYACÁ</t>
  </si>
  <si>
    <t>4</t>
  </si>
  <si>
    <t>SOGAMOSO</t>
  </si>
  <si>
    <t>CALDAS</t>
  </si>
  <si>
    <t xml:space="preserve">MANIZALES </t>
  </si>
  <si>
    <t>MARQUETALIA</t>
  </si>
  <si>
    <t>9</t>
  </si>
  <si>
    <t>CASANARE</t>
  </si>
  <si>
    <t>AGUAZUL</t>
  </si>
  <si>
    <t>CAUCA</t>
  </si>
  <si>
    <t>SANTANDER DE QUILICHAO</t>
  </si>
  <si>
    <t>CASAS DE HABITACION</t>
  </si>
  <si>
    <t>267</t>
  </si>
  <si>
    <t>CÓRDOBA</t>
  </si>
  <si>
    <t xml:space="preserve">MONTERÍA </t>
  </si>
  <si>
    <t>CUNDINAMARCA</t>
  </si>
  <si>
    <t xml:space="preserve">BOGOTÁ D.C. </t>
  </si>
  <si>
    <t>209</t>
  </si>
  <si>
    <t>ALMACENES</t>
  </si>
  <si>
    <t>110</t>
  </si>
  <si>
    <t>855</t>
  </si>
  <si>
    <t>CAPARRAPÍ</t>
  </si>
  <si>
    <t>CHOACHÍ</t>
  </si>
  <si>
    <t>18</t>
  </si>
  <si>
    <t>FACATATIVÁ</t>
  </si>
  <si>
    <t>17</t>
  </si>
  <si>
    <t>FUNZA</t>
  </si>
  <si>
    <t>FUSAGASUGÁ</t>
  </si>
  <si>
    <t>76</t>
  </si>
  <si>
    <t>GIRARDOT</t>
  </si>
  <si>
    <t>BARES, CANTINAS Y SIMILARES</t>
  </si>
  <si>
    <t>8</t>
  </si>
  <si>
    <t>LENGUAZAQUE</t>
  </si>
  <si>
    <t>MADRID</t>
  </si>
  <si>
    <t>SOACHA</t>
  </si>
  <si>
    <t>FRENTE A RESIDENCIAS - VIA PUBLICA</t>
  </si>
  <si>
    <t>39</t>
  </si>
  <si>
    <t>UNE</t>
  </si>
  <si>
    <t>ZIPAQUIRÁ</t>
  </si>
  <si>
    <t>20</t>
  </si>
  <si>
    <t>HUILA</t>
  </si>
  <si>
    <t>CAMPOALEGRE</t>
  </si>
  <si>
    <t>MAGDALENA</t>
  </si>
  <si>
    <t xml:space="preserve">SANTA MARTA </t>
  </si>
  <si>
    <t>DENTRO DE LA VIVIENDA</t>
  </si>
  <si>
    <t>33</t>
  </si>
  <si>
    <t>15</t>
  </si>
  <si>
    <t>META</t>
  </si>
  <si>
    <t xml:space="preserve">VILLAVICENCIO </t>
  </si>
  <si>
    <t>11</t>
  </si>
  <si>
    <t>12</t>
  </si>
  <si>
    <t>NORTE DE SANTANDER</t>
  </si>
  <si>
    <t>PUERTO SANTANDER</t>
  </si>
  <si>
    <t>90</t>
  </si>
  <si>
    <t>QUINDÍO</t>
  </si>
  <si>
    <t xml:space="preserve">ARMENIA </t>
  </si>
  <si>
    <t>CALARCA</t>
  </si>
  <si>
    <t>QUIMBAYA</t>
  </si>
  <si>
    <t>FRENTE A COLEGIO - VIA PUBLICA</t>
  </si>
  <si>
    <t>150</t>
  </si>
  <si>
    <t>100</t>
  </si>
  <si>
    <t>31</t>
  </si>
  <si>
    <t>RISARALDA</t>
  </si>
  <si>
    <t>DOSQUEBRADAS</t>
  </si>
  <si>
    <t>LA CELIA</t>
  </si>
  <si>
    <t>LA VIRGINIA</t>
  </si>
  <si>
    <t xml:space="preserve">PEREIRA </t>
  </si>
  <si>
    <t>324</t>
  </si>
  <si>
    <t>63</t>
  </si>
  <si>
    <t>EXTASIS</t>
  </si>
  <si>
    <t>UNIDAD</t>
  </si>
  <si>
    <t>HEROINA</t>
  </si>
  <si>
    <t>1286</t>
  </si>
  <si>
    <t>SANTANDER</t>
  </si>
  <si>
    <t>FLORIDABLANCA</t>
  </si>
  <si>
    <t>40</t>
  </si>
  <si>
    <t>30</t>
  </si>
  <si>
    <t>GIRÓN</t>
  </si>
  <si>
    <t>80</t>
  </si>
  <si>
    <t>415</t>
  </si>
  <si>
    <t>LEBRIJA</t>
  </si>
  <si>
    <t>PIEDECUESTA</t>
  </si>
  <si>
    <t>65</t>
  </si>
  <si>
    <t>TOLIMA</t>
  </si>
  <si>
    <t xml:space="preserve">IBAGUÉ </t>
  </si>
  <si>
    <t>28</t>
  </si>
  <si>
    <t>VALLE</t>
  </si>
  <si>
    <t>BUENAVENTURA</t>
  </si>
  <si>
    <t xml:space="preserve">CALI </t>
  </si>
  <si>
    <t>32</t>
  </si>
  <si>
    <t>307</t>
  </si>
  <si>
    <t>GUADALAJARA DE BUGA</t>
  </si>
  <si>
    <t>70</t>
  </si>
  <si>
    <t>JAMUNDÍ</t>
  </si>
  <si>
    <t>PALMIRA</t>
  </si>
  <si>
    <t>AEROPUERTO</t>
  </si>
  <si>
    <t>1207</t>
  </si>
  <si>
    <t>RESTREPO</t>
  </si>
  <si>
    <t>35</t>
  </si>
  <si>
    <t>01/02/2011 12:00:00 AM</t>
  </si>
  <si>
    <t>ANORÍ</t>
  </si>
  <si>
    <t>ANZA</t>
  </si>
  <si>
    <t>BELMIRA</t>
  </si>
  <si>
    <t>FINCAS Y SIMILARES</t>
  </si>
  <si>
    <t>RIOS</t>
  </si>
  <si>
    <t>226</t>
  </si>
  <si>
    <t>CAÑASGORDAS</t>
  </si>
  <si>
    <t>62</t>
  </si>
  <si>
    <t>CONCORDIA</t>
  </si>
  <si>
    <t>COPACABANA</t>
  </si>
  <si>
    <t>205</t>
  </si>
  <si>
    <t>0</t>
  </si>
  <si>
    <t>ITAGUI</t>
  </si>
  <si>
    <t>LA PINTADA</t>
  </si>
  <si>
    <t>MARINILLA</t>
  </si>
  <si>
    <t>710</t>
  </si>
  <si>
    <t>820</t>
  </si>
  <si>
    <t>OLAYA</t>
  </si>
  <si>
    <t>PEÑOL</t>
  </si>
  <si>
    <t>PUEBLORRICO</t>
  </si>
  <si>
    <t>58</t>
  </si>
  <si>
    <t>PUERTO TRIUNFO</t>
  </si>
  <si>
    <t>27</t>
  </si>
  <si>
    <t>SAN PEDRO</t>
  </si>
  <si>
    <t>SAN VICENTE</t>
  </si>
  <si>
    <t>PLAZAS DE MERCADO</t>
  </si>
  <si>
    <t>SEGOVIA</t>
  </si>
  <si>
    <t>TARSO</t>
  </si>
  <si>
    <t>TITIRIBÍ</t>
  </si>
  <si>
    <t>URAMITA</t>
  </si>
  <si>
    <t>VALPARAÍSO</t>
  </si>
  <si>
    <t>ATLÁNTICO</t>
  </si>
  <si>
    <t xml:space="preserve">BARRANQUILLA </t>
  </si>
  <si>
    <t>567</t>
  </si>
  <si>
    <t>180</t>
  </si>
  <si>
    <t>ARJONA</t>
  </si>
  <si>
    <t>44</t>
  </si>
  <si>
    <t>PLAYA</t>
  </si>
  <si>
    <t>NO DEFINIDO</t>
  </si>
  <si>
    <t>DUITAMA</t>
  </si>
  <si>
    <t>66</t>
  </si>
  <si>
    <t>23</t>
  </si>
  <si>
    <t xml:space="preserve">TUNJA </t>
  </si>
  <si>
    <t>25</t>
  </si>
  <si>
    <t>VILLA DE LEYVA</t>
  </si>
  <si>
    <t>21</t>
  </si>
  <si>
    <t>CHINCHINÁ</t>
  </si>
  <si>
    <t>TERMINAL DE TRANSPORTES</t>
  </si>
  <si>
    <t>115</t>
  </si>
  <si>
    <t>87</t>
  </si>
  <si>
    <t>RIOSUCIO</t>
  </si>
  <si>
    <t>CESAR</t>
  </si>
  <si>
    <t>AGUSTÍN CODAZZI</t>
  </si>
  <si>
    <t>143</t>
  </si>
  <si>
    <t>29</t>
  </si>
  <si>
    <t>213</t>
  </si>
  <si>
    <t>250</t>
  </si>
  <si>
    <t>305</t>
  </si>
  <si>
    <t>CHÍA</t>
  </si>
  <si>
    <t>EL ROSAL</t>
  </si>
  <si>
    <t>FOMEQUE</t>
  </si>
  <si>
    <t>13</t>
  </si>
  <si>
    <t>GUADUAS</t>
  </si>
  <si>
    <t>TRAMO DE VIA</t>
  </si>
  <si>
    <t>105</t>
  </si>
  <si>
    <t>MOSQUERA</t>
  </si>
  <si>
    <t>PUERTO SALGAR</t>
  </si>
  <si>
    <t>MUELLE</t>
  </si>
  <si>
    <t>43</t>
  </si>
  <si>
    <t>GUAVIARE</t>
  </si>
  <si>
    <t>EL RETORNO</t>
  </si>
  <si>
    <t>6000</t>
  </si>
  <si>
    <t xml:space="preserve">SAN JOSÉ DEL GUAVIARE </t>
  </si>
  <si>
    <t>BARAYA</t>
  </si>
  <si>
    <t>525</t>
  </si>
  <si>
    <t>SAN AGUSTÍN</t>
  </si>
  <si>
    <t>283</t>
  </si>
  <si>
    <t>NARIÑO</t>
  </si>
  <si>
    <t>LA CRUZ</t>
  </si>
  <si>
    <t>TÚQUERRES</t>
  </si>
  <si>
    <t>YACUANQUER</t>
  </si>
  <si>
    <t xml:space="preserve">CÚCUTA </t>
  </si>
  <si>
    <t>SAN CAYETANO</t>
  </si>
  <si>
    <t>TIBÚ</t>
  </si>
  <si>
    <t>VILLA DEL ROSARIO</t>
  </si>
  <si>
    <t>113</t>
  </si>
  <si>
    <t>PUTUMAYO</t>
  </si>
  <si>
    <t xml:space="preserve">MOCOA </t>
  </si>
  <si>
    <t>PUESTO DE CONTROL</t>
  </si>
  <si>
    <t>71</t>
  </si>
  <si>
    <t>49</t>
  </si>
  <si>
    <t>LA TEBAIDA</t>
  </si>
  <si>
    <t>BELÉN DE UMBRÍA</t>
  </si>
  <si>
    <t>81</t>
  </si>
  <si>
    <t>175</t>
  </si>
  <si>
    <t>BARRANCABERMEJA</t>
  </si>
  <si>
    <t>CARCELES</t>
  </si>
  <si>
    <t>95</t>
  </si>
  <si>
    <t xml:space="preserve">BUCARAMANGA </t>
  </si>
  <si>
    <t>140</t>
  </si>
  <si>
    <t>735</t>
  </si>
  <si>
    <t>PUERTO WILCHES</t>
  </si>
  <si>
    <t>VALLE DE SAN JOSÉ</t>
  </si>
  <si>
    <t>SUCRE</t>
  </si>
  <si>
    <t>SAN LUIS DE SINCÉ</t>
  </si>
  <si>
    <t>SANTIAGO DE TOLÚ</t>
  </si>
  <si>
    <t>490</t>
  </si>
  <si>
    <t>2195</t>
  </si>
  <si>
    <t>01/03/2011 12:00:00 AM</t>
  </si>
  <si>
    <t>ABEJORRAL</t>
  </si>
  <si>
    <t>537</t>
  </si>
  <si>
    <t>BARBOSA</t>
  </si>
  <si>
    <t>BELLO</t>
  </si>
  <si>
    <t>130</t>
  </si>
  <si>
    <t>CÁCERES</t>
  </si>
  <si>
    <t>82</t>
  </si>
  <si>
    <t>CARAMANTA</t>
  </si>
  <si>
    <t>CHIGORODÓ</t>
  </si>
  <si>
    <t>507</t>
  </si>
  <si>
    <t>109</t>
  </si>
  <si>
    <t>1191</t>
  </si>
  <si>
    <t>19</t>
  </si>
  <si>
    <t>EL SANTUARIO</t>
  </si>
  <si>
    <t>309</t>
  </si>
  <si>
    <t>ENVIGADO</t>
  </si>
  <si>
    <t>930</t>
  </si>
  <si>
    <t>PUERTO NARE</t>
  </si>
  <si>
    <t>CEMENTERIO</t>
  </si>
  <si>
    <t>600</t>
  </si>
  <si>
    <t>SANTAFÉ DE ANTIOQUIA</t>
  </si>
  <si>
    <t>VALDIVIA</t>
  </si>
  <si>
    <t>VEGACHÍ</t>
  </si>
  <si>
    <t>338</t>
  </si>
  <si>
    <t>PUERTO</t>
  </si>
  <si>
    <t>1510500</t>
  </si>
  <si>
    <t>102</t>
  </si>
  <si>
    <t>CHIQUINQUIRÁ</t>
  </si>
  <si>
    <t>MIRAFLORES</t>
  </si>
  <si>
    <t>SOATÁ</t>
  </si>
  <si>
    <t>4688</t>
  </si>
  <si>
    <t>MONTERREY</t>
  </si>
  <si>
    <t xml:space="preserve">POPAYÁN </t>
  </si>
  <si>
    <t>CHOCÓ</t>
  </si>
  <si>
    <t xml:space="preserve">QUIBDÓ </t>
  </si>
  <si>
    <t>SAHAGÚN</t>
  </si>
  <si>
    <t>147</t>
  </si>
  <si>
    <t>74</t>
  </si>
  <si>
    <t>1110</t>
  </si>
  <si>
    <t>CAJICÁ</t>
  </si>
  <si>
    <t>CAQUEZA</t>
  </si>
  <si>
    <t>CHIPAQUE</t>
  </si>
  <si>
    <t>36</t>
  </si>
  <si>
    <t>PISCINA</t>
  </si>
  <si>
    <t>LA MESA</t>
  </si>
  <si>
    <t>72</t>
  </si>
  <si>
    <t>GUAJIRA</t>
  </si>
  <si>
    <t>MAICAO</t>
  </si>
  <si>
    <t>VILLANUEVA</t>
  </si>
  <si>
    <t xml:space="preserve">NEIVA </t>
  </si>
  <si>
    <t>649</t>
  </si>
  <si>
    <t>12000</t>
  </si>
  <si>
    <t>PALERMO</t>
  </si>
  <si>
    <t>CIÉNAGA</t>
  </si>
  <si>
    <t>98</t>
  </si>
  <si>
    <t>TAMINANGO</t>
  </si>
  <si>
    <t>CANCHA DE FUTBOL</t>
  </si>
  <si>
    <t>254</t>
  </si>
  <si>
    <t>51</t>
  </si>
  <si>
    <t>149</t>
  </si>
  <si>
    <t>MONTENEGRO</t>
  </si>
  <si>
    <t>GUÁTICA</t>
  </si>
  <si>
    <t>61</t>
  </si>
  <si>
    <t>SANTUARIO</t>
  </si>
  <si>
    <t>PUERTO PARRA</t>
  </si>
  <si>
    <t>26000</t>
  </si>
  <si>
    <t>624</t>
  </si>
  <si>
    <t>5800</t>
  </si>
  <si>
    <t>248</t>
  </si>
  <si>
    <t>01/04/2011 12:00:00 AM</t>
  </si>
  <si>
    <t>22</t>
  </si>
  <si>
    <t>APARTADÓ</t>
  </si>
  <si>
    <t>262</t>
  </si>
  <si>
    <t>ARMENIA</t>
  </si>
  <si>
    <t>CAICEDO</t>
  </si>
  <si>
    <t>GUARNE</t>
  </si>
  <si>
    <t>55</t>
  </si>
  <si>
    <t>MACEO</t>
  </si>
  <si>
    <t>270</t>
  </si>
  <si>
    <t>258</t>
  </si>
  <si>
    <t>INTERIOR VEHICULO SERVICIO PUBLICO</t>
  </si>
  <si>
    <t>7000</t>
  </si>
  <si>
    <t>SAN RAFAEL</t>
  </si>
  <si>
    <t>SANTA BÁRBARA</t>
  </si>
  <si>
    <t>TURBO</t>
  </si>
  <si>
    <t>URRAO</t>
  </si>
  <si>
    <t>CALETA</t>
  </si>
  <si>
    <t>173000</t>
  </si>
  <si>
    <t>360</t>
  </si>
  <si>
    <t>159</t>
  </si>
  <si>
    <t>89</t>
  </si>
  <si>
    <t>LA DORADA</t>
  </si>
  <si>
    <t>CARRETERA</t>
  </si>
  <si>
    <t>135</t>
  </si>
  <si>
    <t>64</t>
  </si>
  <si>
    <t>405</t>
  </si>
  <si>
    <t>SALAMINA</t>
  </si>
  <si>
    <t>151</t>
  </si>
  <si>
    <t>973</t>
  </si>
  <si>
    <t>38</t>
  </si>
  <si>
    <t>LA CALERA</t>
  </si>
  <si>
    <t>26</t>
  </si>
  <si>
    <t>TENJO</t>
  </si>
  <si>
    <t>PIVIJAY</t>
  </si>
  <si>
    <t>3600</t>
  </si>
  <si>
    <t>200</t>
  </si>
  <si>
    <t>PUERTO GAITÁN</t>
  </si>
  <si>
    <t>PERIMETRO URBANO</t>
  </si>
  <si>
    <t>EL TAMBO</t>
  </si>
  <si>
    <t xml:space="preserve">PASTO </t>
  </si>
  <si>
    <t>SANDONÁ</t>
  </si>
  <si>
    <t>160</t>
  </si>
  <si>
    <t>230</t>
  </si>
  <si>
    <t>EL ZULIA</t>
  </si>
  <si>
    <t>PAMPLONA</t>
  </si>
  <si>
    <t>LOTE BALDIO</t>
  </si>
  <si>
    <t>402</t>
  </si>
  <si>
    <t>613</t>
  </si>
  <si>
    <t>SANTA ROSA DE CABAL</t>
  </si>
  <si>
    <t>53</t>
  </si>
  <si>
    <t>315</t>
  </si>
  <si>
    <t xml:space="preserve">SINCELEJO </t>
  </si>
  <si>
    <t>01/05/2011 12:00:00 AM</t>
  </si>
  <si>
    <t>SOTAQUIRÁ</t>
  </si>
  <si>
    <t>CARMEN DE APICALÁ</t>
  </si>
  <si>
    <t>500</t>
  </si>
  <si>
    <t>ESPINAL</t>
  </si>
  <si>
    <t>67</t>
  </si>
  <si>
    <t>ANDALUCÍA</t>
  </si>
  <si>
    <t>625</t>
  </si>
  <si>
    <t>85</t>
  </si>
  <si>
    <t>141</t>
  </si>
  <si>
    <t>1599</t>
  </si>
  <si>
    <t>PASTILLAS ALUCINOGENAS ROCHE</t>
  </si>
  <si>
    <t>CARTAGO</t>
  </si>
  <si>
    <t>LA CUMBRE</t>
  </si>
  <si>
    <t>TORO</t>
  </si>
  <si>
    <t>TULUÁ</t>
  </si>
  <si>
    <t>VERSALLES</t>
  </si>
  <si>
    <t>YOTOCO</t>
  </si>
  <si>
    <t>740</t>
  </si>
  <si>
    <t>ZARZAL</t>
  </si>
  <si>
    <t>BURITICÁ</t>
  </si>
  <si>
    <t>CISNEROS</t>
  </si>
  <si>
    <t>455</t>
  </si>
  <si>
    <t>COCORNÁ</t>
  </si>
  <si>
    <t>JARDÍN</t>
  </si>
  <si>
    <t>LA CEJA</t>
  </si>
  <si>
    <t>46</t>
  </si>
  <si>
    <t>LA UNIÓN</t>
  </si>
  <si>
    <t>185</t>
  </si>
  <si>
    <t>4240</t>
  </si>
  <si>
    <t>112</t>
  </si>
  <si>
    <t>SAN ANDRÉS DE CUERQUÍA</t>
  </si>
  <si>
    <t>SONSON</t>
  </si>
  <si>
    <t>SOPETRÁN</t>
  </si>
  <si>
    <t>ARAUCA</t>
  </si>
  <si>
    <t xml:space="preserve">ARAUCA </t>
  </si>
  <si>
    <t>SARAVENA</t>
  </si>
  <si>
    <t>4133</t>
  </si>
  <si>
    <t>900</t>
  </si>
  <si>
    <t>ARENAL</t>
  </si>
  <si>
    <t>EL CARMEN DE BOLÍVAR</t>
  </si>
  <si>
    <t>SIMITÍ</t>
  </si>
  <si>
    <t>3320</t>
  </si>
  <si>
    <t>47</t>
  </si>
  <si>
    <t>69</t>
  </si>
  <si>
    <t>400</t>
  </si>
  <si>
    <t>1000</t>
  </si>
  <si>
    <t>30000</t>
  </si>
  <si>
    <t>473</t>
  </si>
  <si>
    <t>CAQUETÁ</t>
  </si>
  <si>
    <t xml:space="preserve">FLORENCIA </t>
  </si>
  <si>
    <t>1250</t>
  </si>
  <si>
    <t>MIRANDA</t>
  </si>
  <si>
    <t>3077</t>
  </si>
  <si>
    <t>620</t>
  </si>
  <si>
    <t>3000</t>
  </si>
  <si>
    <t>CURUMANÍ</t>
  </si>
  <si>
    <t>1500</t>
  </si>
  <si>
    <t>CERETÉ</t>
  </si>
  <si>
    <t>260</t>
  </si>
  <si>
    <t>4407</t>
  </si>
  <si>
    <t>565</t>
  </si>
  <si>
    <t>GUAYABETAL</t>
  </si>
  <si>
    <t>VILLETA</t>
  </si>
  <si>
    <t>332</t>
  </si>
  <si>
    <t>ACACÍAS</t>
  </si>
  <si>
    <t>50000</t>
  </si>
  <si>
    <t>EL PEÑOL</t>
  </si>
  <si>
    <t>EL ROSARIO</t>
  </si>
  <si>
    <t>IPIALES</t>
  </si>
  <si>
    <t>139</t>
  </si>
  <si>
    <t>616</t>
  </si>
  <si>
    <t>LA ESPERANZA</t>
  </si>
  <si>
    <t>167</t>
  </si>
  <si>
    <t>SARDINATA</t>
  </si>
  <si>
    <t>245</t>
  </si>
  <si>
    <t>48</t>
  </si>
  <si>
    <t>SOBRE ANDEN - VIA PUBLICA</t>
  </si>
  <si>
    <t>1084</t>
  </si>
  <si>
    <t>CIRCASIA</t>
  </si>
  <si>
    <t>41</t>
  </si>
  <si>
    <t>PIJAO</t>
  </si>
  <si>
    <t>37</t>
  </si>
  <si>
    <t>APÍA</t>
  </si>
  <si>
    <t>MARSELLA</t>
  </si>
  <si>
    <t>137</t>
  </si>
  <si>
    <t>390</t>
  </si>
  <si>
    <t>101</t>
  </si>
  <si>
    <t>155</t>
  </si>
  <si>
    <t>SOCORRO</t>
  </si>
  <si>
    <t>COROZAL</t>
  </si>
  <si>
    <t>LOS PALMITOS</t>
  </si>
  <si>
    <t>SAN MARCOS</t>
  </si>
  <si>
    <t>240</t>
  </si>
  <si>
    <t>MELGAR</t>
  </si>
  <si>
    <t>86</t>
  </si>
  <si>
    <t>2000</t>
  </si>
  <si>
    <t>EL CERRITO</t>
  </si>
  <si>
    <t>ROLDANILLO</t>
  </si>
  <si>
    <t>SEVILLA</t>
  </si>
  <si>
    <t>VAUPÉS</t>
  </si>
  <si>
    <t xml:space="preserve">MITÚ </t>
  </si>
  <si>
    <t>01/06/2011 12:00:00 AM</t>
  </si>
  <si>
    <t>421</t>
  </si>
  <si>
    <t>190</t>
  </si>
  <si>
    <t>ENTRERRIOS</t>
  </si>
  <si>
    <t>127</t>
  </si>
  <si>
    <t>1390</t>
  </si>
  <si>
    <t>SABANALARGA</t>
  </si>
  <si>
    <t>SAN CARLOS</t>
  </si>
  <si>
    <t>SAN JOSÉ DE LA MONTAÑA</t>
  </si>
  <si>
    <t>SAN ROQUE</t>
  </si>
  <si>
    <t>TARAZÁ</t>
  </si>
  <si>
    <t>LURUACO</t>
  </si>
  <si>
    <t>SOLEDAD</t>
  </si>
  <si>
    <t>56</t>
  </si>
  <si>
    <t>PALESTINA</t>
  </si>
  <si>
    <t>350</t>
  </si>
  <si>
    <t>800</t>
  </si>
  <si>
    <t>HATO COROZAL</t>
  </si>
  <si>
    <t xml:space="preserve">YOPAL </t>
  </si>
  <si>
    <t>PATÍA</t>
  </si>
  <si>
    <t>VILLA RICA</t>
  </si>
  <si>
    <t>108</t>
  </si>
  <si>
    <t>100000</t>
  </si>
  <si>
    <t xml:space="preserve">VALLEDUPAR </t>
  </si>
  <si>
    <t>ANAPOIMA</t>
  </si>
  <si>
    <t>ANFETAMINA</t>
  </si>
  <si>
    <t>59</t>
  </si>
  <si>
    <t>ESTACION TRANSMILENIO (INICIAL)</t>
  </si>
  <si>
    <t>438</t>
  </si>
  <si>
    <t>77</t>
  </si>
  <si>
    <t>VILLA DE SAN DIEGO DE UBATE</t>
  </si>
  <si>
    <t>161</t>
  </si>
  <si>
    <t>ZONA BANANERA</t>
  </si>
  <si>
    <t>ALBÁN</t>
  </si>
  <si>
    <t>CUMBITARA</t>
  </si>
  <si>
    <t>IMUÉS</t>
  </si>
  <si>
    <t>TANGUA</t>
  </si>
  <si>
    <t>214</t>
  </si>
  <si>
    <t>75</t>
  </si>
  <si>
    <t>BUENAVISTA</t>
  </si>
  <si>
    <t>162</t>
  </si>
  <si>
    <t>242</t>
  </si>
  <si>
    <t>CIMITARRA</t>
  </si>
  <si>
    <t>SAN ONOFRE</t>
  </si>
  <si>
    <t>850</t>
  </si>
  <si>
    <t>5676</t>
  </si>
  <si>
    <t>225</t>
  </si>
  <si>
    <t>3525380</t>
  </si>
  <si>
    <t>73</t>
  </si>
  <si>
    <t>DAGUA</t>
  </si>
  <si>
    <t>LA VICTORIA</t>
  </si>
  <si>
    <t>YUMBO</t>
  </si>
  <si>
    <t>01/07/2011 12:00:00 AM</t>
  </si>
  <si>
    <t>BRICEÑO</t>
  </si>
  <si>
    <t>INTERIOR VEHICULO PARTICULAR</t>
  </si>
  <si>
    <t>14500</t>
  </si>
  <si>
    <t>1300</t>
  </si>
  <si>
    <t>EL CARMEN DE VIBORAL</t>
  </si>
  <si>
    <t>COLISEO</t>
  </si>
  <si>
    <t>297</t>
  </si>
  <si>
    <t>3235</t>
  </si>
  <si>
    <t>SAN JUAN DE URABÁ</t>
  </si>
  <si>
    <t>34</t>
  </si>
  <si>
    <t>SANTA ROSA DE OSOS</t>
  </si>
  <si>
    <t>TAME</t>
  </si>
  <si>
    <t>ESTABLECIMIENTOS REVISADOS</t>
  </si>
  <si>
    <t>747</t>
  </si>
  <si>
    <t>1049</t>
  </si>
  <si>
    <t>10311</t>
  </si>
  <si>
    <t>5715</t>
  </si>
  <si>
    <t>452</t>
  </si>
  <si>
    <t>GALAPA</t>
  </si>
  <si>
    <t>118</t>
  </si>
  <si>
    <t>PUENTE</t>
  </si>
  <si>
    <t>308</t>
  </si>
  <si>
    <t>SANTA ROSA</t>
  </si>
  <si>
    <t>355</t>
  </si>
  <si>
    <t>550</t>
  </si>
  <si>
    <t>9000</t>
  </si>
  <si>
    <t>246</t>
  </si>
  <si>
    <t>2539</t>
  </si>
  <si>
    <t>896</t>
  </si>
  <si>
    <t>COTA</t>
  </si>
  <si>
    <t>344</t>
  </si>
  <si>
    <t>EL BANCO</t>
  </si>
  <si>
    <t>92</t>
  </si>
  <si>
    <t>SAN MARTÍN</t>
  </si>
  <si>
    <t>20000</t>
  </si>
  <si>
    <t>ARBOLEDA</t>
  </si>
  <si>
    <t>BELÉN</t>
  </si>
  <si>
    <t>CHACHAGÜÍ</t>
  </si>
  <si>
    <t>CONSACA</t>
  </si>
  <si>
    <t>ILES</t>
  </si>
  <si>
    <t>LA FLORIDA</t>
  </si>
  <si>
    <t>LINARES</t>
  </si>
  <si>
    <t>542</t>
  </si>
  <si>
    <t>SANTACRUZ</t>
  </si>
  <si>
    <t>ESTADIO</t>
  </si>
  <si>
    <t>93</t>
  </si>
  <si>
    <t>68</t>
  </si>
  <si>
    <t>FRENTE CLINICA U HOSPITAL - VIA PUBLICA</t>
  </si>
  <si>
    <t>88</t>
  </si>
  <si>
    <t>SALENTO</t>
  </si>
  <si>
    <t>580</t>
  </si>
  <si>
    <t>QUINCHÍA</t>
  </si>
  <si>
    <t>460</t>
  </si>
  <si>
    <t>SAN GIL</t>
  </si>
  <si>
    <t>244</t>
  </si>
  <si>
    <t>282</t>
  </si>
  <si>
    <t>403</t>
  </si>
  <si>
    <t>2875</t>
  </si>
  <si>
    <t>GINEBRA</t>
  </si>
  <si>
    <t>01/08/2011 12:00:00 AM</t>
  </si>
  <si>
    <t>AMAGÁ</t>
  </si>
  <si>
    <t>104</t>
  </si>
  <si>
    <t>318</t>
  </si>
  <si>
    <t>280</t>
  </si>
  <si>
    <t>DON MATÍAS</t>
  </si>
  <si>
    <t>GÓMEZ PLATA</t>
  </si>
  <si>
    <t>2129</t>
  </si>
  <si>
    <t>LA ESTRELLA</t>
  </si>
  <si>
    <t>960</t>
  </si>
  <si>
    <t>1368</t>
  </si>
  <si>
    <t>865</t>
  </si>
  <si>
    <t>1030</t>
  </si>
  <si>
    <t>11309</t>
  </si>
  <si>
    <t>VENECIA</t>
  </si>
  <si>
    <t>PUERTO COLOMBIA</t>
  </si>
  <si>
    <t>103</t>
  </si>
  <si>
    <t>TURBACO</t>
  </si>
  <si>
    <t>GARAGOA</t>
  </si>
  <si>
    <t>414</t>
  </si>
  <si>
    <t>614</t>
  </si>
  <si>
    <t>SUPÍA</t>
  </si>
  <si>
    <t>SOLITA</t>
  </si>
  <si>
    <t>1535</t>
  </si>
  <si>
    <t>1784</t>
  </si>
  <si>
    <t>SAN BERNARDO DEL VIENTO</t>
  </si>
  <si>
    <t>11108</t>
  </si>
  <si>
    <t>927</t>
  </si>
  <si>
    <t>PLAZA DE TOROS</t>
  </si>
  <si>
    <t>GRANADA</t>
  </si>
  <si>
    <t>SILVANIA</t>
  </si>
  <si>
    <t>GUAINÍA</t>
  </si>
  <si>
    <t xml:space="preserve">INÍRIDA </t>
  </si>
  <si>
    <t>ANCUYÁ</t>
  </si>
  <si>
    <t>FUNES</t>
  </si>
  <si>
    <t>ESTACIONES DE SERVICIO</t>
  </si>
  <si>
    <t>FRENTE IGLESIA - VIA PUBLICA</t>
  </si>
  <si>
    <t>SAMANIEGO</t>
  </si>
  <si>
    <t>SAN ANDRES DE TUMACO</t>
  </si>
  <si>
    <t>ALTAMAR</t>
  </si>
  <si>
    <t>18384</t>
  </si>
  <si>
    <t>247</t>
  </si>
  <si>
    <t>GÉNOVA</t>
  </si>
  <si>
    <t>700</t>
  </si>
  <si>
    <t>1127</t>
  </si>
  <si>
    <t>300</t>
  </si>
  <si>
    <t>7100</t>
  </si>
  <si>
    <t>368</t>
  </si>
  <si>
    <t>MARIQUITA</t>
  </si>
  <si>
    <t>99</t>
  </si>
  <si>
    <t>125</t>
  </si>
  <si>
    <t>553</t>
  </si>
  <si>
    <t>CALIMA</t>
  </si>
  <si>
    <t>91</t>
  </si>
  <si>
    <t>TRUJILLO</t>
  </si>
  <si>
    <t>01/09/2011 12:00:00 AM</t>
  </si>
  <si>
    <t>ANGELÓPOLIS</t>
  </si>
  <si>
    <t>ARGELIA</t>
  </si>
  <si>
    <t>57</t>
  </si>
  <si>
    <t>CAREPA</t>
  </si>
  <si>
    <t>4527</t>
  </si>
  <si>
    <t>GUADALUPE</t>
  </si>
  <si>
    <t>LOCAL COMERCIAL</t>
  </si>
  <si>
    <t>HISPANIA</t>
  </si>
  <si>
    <t>1750</t>
  </si>
  <si>
    <t>480</t>
  </si>
  <si>
    <t>4600</t>
  </si>
  <si>
    <t>PASTILLAS ALUCINOGENAS ROVINOOL</t>
  </si>
  <si>
    <t>170</t>
  </si>
  <si>
    <t>MONTEBELLO</t>
  </si>
  <si>
    <t>NECHÍ</t>
  </si>
  <si>
    <t>465</t>
  </si>
  <si>
    <t>SANTO DOMINGO</t>
  </si>
  <si>
    <t>YOLOMBÓ</t>
  </si>
  <si>
    <t>370</t>
  </si>
  <si>
    <t>1024</t>
  </si>
  <si>
    <t>188</t>
  </si>
  <si>
    <t>MARMATO</t>
  </si>
  <si>
    <t>1700</t>
  </si>
  <si>
    <t>CORINTO</t>
  </si>
  <si>
    <t>300000</t>
  </si>
  <si>
    <t>AYAPEL</t>
  </si>
  <si>
    <t>MONTELÍBANO</t>
  </si>
  <si>
    <t>AGUA DE DIOS</t>
  </si>
  <si>
    <t>611</t>
  </si>
  <si>
    <t>27974</t>
  </si>
  <si>
    <t>EL COLEGIO</t>
  </si>
  <si>
    <t>GACHANCIPÁ</t>
  </si>
  <si>
    <t>CANCHAS DE TEJO</t>
  </si>
  <si>
    <t>SAN JUAN DE RÍO SECO</t>
  </si>
  <si>
    <t>83</t>
  </si>
  <si>
    <t>UBAQUE</t>
  </si>
  <si>
    <t>YACOPÍ</t>
  </si>
  <si>
    <t>FONSECA</t>
  </si>
  <si>
    <t xml:space="preserve">RIOHACHA </t>
  </si>
  <si>
    <t>158</t>
  </si>
  <si>
    <t>OCAÑA</t>
  </si>
  <si>
    <t>123</t>
  </si>
  <si>
    <t>124</t>
  </si>
  <si>
    <t>290</t>
  </si>
  <si>
    <t>1737</t>
  </si>
  <si>
    <t>ESCENARIOS DEPORTIVOS</t>
  </si>
  <si>
    <t>ICONONZO</t>
  </si>
  <si>
    <t>718</t>
  </si>
  <si>
    <t>195</t>
  </si>
  <si>
    <t>609</t>
  </si>
  <si>
    <t>79</t>
  </si>
  <si>
    <t>01/10/2011 12:00:00 AM</t>
  </si>
  <si>
    <t>ALEJANDRÍA</t>
  </si>
  <si>
    <t>ARBOLETES</t>
  </si>
  <si>
    <t>GIRALDO</t>
  </si>
  <si>
    <t>301</t>
  </si>
  <si>
    <t>194</t>
  </si>
  <si>
    <t>435</t>
  </si>
  <si>
    <t>1845</t>
  </si>
  <si>
    <t>SAN JERÓNIMO</t>
  </si>
  <si>
    <t>TOLEDO</t>
  </si>
  <si>
    <t>680</t>
  </si>
  <si>
    <t>MAGANGUÉ</t>
  </si>
  <si>
    <t>MOMPÓS</t>
  </si>
  <si>
    <t>SAMACÁ</t>
  </si>
  <si>
    <t>605</t>
  </si>
  <si>
    <t>2400</t>
  </si>
  <si>
    <t>PUERTO ESCONDIDO</t>
  </si>
  <si>
    <t>119</t>
  </si>
  <si>
    <t>3519</t>
  </si>
  <si>
    <t>644</t>
  </si>
  <si>
    <t>SUSA</t>
  </si>
  <si>
    <t>1860</t>
  </si>
  <si>
    <t>LA LLANADA</t>
  </si>
  <si>
    <t>PROVIDENCIA</t>
  </si>
  <si>
    <t>CONSULTORIOS MEDICOS</t>
  </si>
  <si>
    <t>980</t>
  </si>
  <si>
    <t>128</t>
  </si>
  <si>
    <t>132</t>
  </si>
  <si>
    <t>485</t>
  </si>
  <si>
    <t>1225</t>
  </si>
  <si>
    <t>168</t>
  </si>
  <si>
    <t>172</t>
  </si>
  <si>
    <t>01/11/2011 12:00:00 AM</t>
  </si>
  <si>
    <t>302</t>
  </si>
  <si>
    <t>330</t>
  </si>
  <si>
    <t>DABEIBA</t>
  </si>
  <si>
    <t>232</t>
  </si>
  <si>
    <t>450</t>
  </si>
  <si>
    <t>ITUANGO</t>
  </si>
  <si>
    <t>5000</t>
  </si>
  <si>
    <t>586</t>
  </si>
  <si>
    <t>17455</t>
  </si>
  <si>
    <t>NECOCLÍ</t>
  </si>
  <si>
    <t>2335</t>
  </si>
  <si>
    <t>78</t>
  </si>
  <si>
    <t>CARTAGENA DEL CHAIRÁ</t>
  </si>
  <si>
    <t>2860</t>
  </si>
  <si>
    <t>35000</t>
  </si>
  <si>
    <t>AGUACHICA</t>
  </si>
  <si>
    <t>SAN ALBERTO</t>
  </si>
  <si>
    <t>CANALETE</t>
  </si>
  <si>
    <t>107</t>
  </si>
  <si>
    <t>196</t>
  </si>
  <si>
    <t>1296</t>
  </si>
  <si>
    <t>BILLARES</t>
  </si>
  <si>
    <t>177</t>
  </si>
  <si>
    <t>LEJANÍAS</t>
  </si>
  <si>
    <t>13700</t>
  </si>
  <si>
    <t>EL TABLÓN DE GÓMEZ</t>
  </si>
  <si>
    <t>LEIVA</t>
  </si>
  <si>
    <t>MALLAMA</t>
  </si>
  <si>
    <t>201</t>
  </si>
  <si>
    <t>CÁCOTA</t>
  </si>
  <si>
    <t>DURANIA</t>
  </si>
  <si>
    <t>FRENTE OFICINA</t>
  </si>
  <si>
    <t>PUERTO LEGUÍZAMO</t>
  </si>
  <si>
    <t>54</t>
  </si>
  <si>
    <t>PUENTE PEATONAL</t>
  </si>
  <si>
    <t>427</t>
  </si>
  <si>
    <t>375</t>
  </si>
  <si>
    <t>255</t>
  </si>
  <si>
    <t>310</t>
  </si>
  <si>
    <t>PUEBLO RICO</t>
  </si>
  <si>
    <t>BUGALAGRANDE</t>
  </si>
  <si>
    <t>1568</t>
  </si>
  <si>
    <t>94</t>
  </si>
  <si>
    <t>01/12/2011 12:00:00 AM</t>
  </si>
  <si>
    <t>253</t>
  </si>
  <si>
    <t>CONCEPCIÓN</t>
  </si>
  <si>
    <t>ESTACION DEL METRO</t>
  </si>
  <si>
    <t>INSTALACIONES GUBERNAMENTALES</t>
  </si>
  <si>
    <t>843</t>
  </si>
  <si>
    <t>1230</t>
  </si>
  <si>
    <t>5046</t>
  </si>
  <si>
    <t>SALGAR</t>
  </si>
  <si>
    <t>YARUMAL</t>
  </si>
  <si>
    <t>COVARACHÍA</t>
  </si>
  <si>
    <t>SAN MATEO</t>
  </si>
  <si>
    <t>AGUADAS</t>
  </si>
  <si>
    <t>ANSERMA</t>
  </si>
  <si>
    <t>268</t>
  </si>
  <si>
    <t>106</t>
  </si>
  <si>
    <t>VILLAMARÍA</t>
  </si>
  <si>
    <t>CHINÚ</t>
  </si>
  <si>
    <t>12014</t>
  </si>
  <si>
    <t>3062</t>
  </si>
  <si>
    <t>218</t>
  </si>
  <si>
    <t>94426</t>
  </si>
  <si>
    <t>QUIPILE</t>
  </si>
  <si>
    <t>SOPÓ</t>
  </si>
  <si>
    <t>TOCAIMA</t>
  </si>
  <si>
    <t>3522</t>
  </si>
  <si>
    <t>228</t>
  </si>
  <si>
    <t>345</t>
  </si>
  <si>
    <t>63055</t>
  </si>
  <si>
    <t>241</t>
  </si>
  <si>
    <t>274</t>
  </si>
  <si>
    <t>COLÓN</t>
  </si>
  <si>
    <t>SAN PEDRO DE CARTAGO</t>
  </si>
  <si>
    <t>219</t>
  </si>
  <si>
    <t>LOS PATIOS</t>
  </si>
  <si>
    <t>TROCHA</t>
  </si>
  <si>
    <t>377</t>
  </si>
  <si>
    <t>ORITO</t>
  </si>
  <si>
    <t>LABORATORIO DE BASE</t>
  </si>
  <si>
    <t>1542</t>
  </si>
  <si>
    <t>157</t>
  </si>
  <si>
    <t>1040</t>
  </si>
  <si>
    <t>MORROA</t>
  </si>
  <si>
    <t>OVEJAS</t>
  </si>
  <si>
    <t>TOLÚ VIEJO</t>
  </si>
  <si>
    <t>552</t>
  </si>
  <si>
    <t>CANDELARIA</t>
  </si>
  <si>
    <t>FLORIDA</t>
  </si>
  <si>
    <t>5200</t>
  </si>
  <si>
    <t>01/13/2011 12:00:00 AM</t>
  </si>
  <si>
    <t>CLINICAS Y SIMILARES</t>
  </si>
  <si>
    <t>2500</t>
  </si>
  <si>
    <t>251</t>
  </si>
  <si>
    <t>420</t>
  </si>
  <si>
    <t>2220</t>
  </si>
  <si>
    <t>LSD (PASTILLAS/CAPSULAS)</t>
  </si>
  <si>
    <t>336</t>
  </si>
  <si>
    <t>JUAN DE ACOSTA</t>
  </si>
  <si>
    <t>MALAMBO</t>
  </si>
  <si>
    <t>CANTAGALLO</t>
  </si>
  <si>
    <t>277</t>
  </si>
  <si>
    <t>SAN PABLO</t>
  </si>
  <si>
    <t>NOBSA</t>
  </si>
  <si>
    <t>SANTA ROSA DE VITERBO</t>
  </si>
  <si>
    <t>787</t>
  </si>
  <si>
    <t>279</t>
  </si>
  <si>
    <t>PUERTO TEJADA</t>
  </si>
  <si>
    <t>2882</t>
  </si>
  <si>
    <t>EL COPEY</t>
  </si>
  <si>
    <t>ISTMINA</t>
  </si>
  <si>
    <t>58000</t>
  </si>
  <si>
    <t>ARBELÁEZ</t>
  </si>
  <si>
    <t>598</t>
  </si>
  <si>
    <t>MATADEROS, CARNICERIA Y SIMILARES</t>
  </si>
  <si>
    <t>208</t>
  </si>
  <si>
    <t>CHOCONTÁ</t>
  </si>
  <si>
    <t>RICAURTE</t>
  </si>
  <si>
    <t>3690</t>
  </si>
  <si>
    <t>29000</t>
  </si>
  <si>
    <t>PUERTO LÓPEZ</t>
  </si>
  <si>
    <t>4995</t>
  </si>
  <si>
    <t>CONVENCIÓN</t>
  </si>
  <si>
    <t>2983</t>
  </si>
  <si>
    <t>271</t>
  </si>
  <si>
    <t>60000</t>
  </si>
  <si>
    <t>PUERTO ASÍS</t>
  </si>
  <si>
    <t>256</t>
  </si>
  <si>
    <t>2800</t>
  </si>
  <si>
    <t>920</t>
  </si>
  <si>
    <t>3757</t>
  </si>
  <si>
    <t>SAN ANDRÉS</t>
  </si>
  <si>
    <t xml:space="preserve">SAN ANDRÉS </t>
  </si>
  <si>
    <t>APARTAMENTO</t>
  </si>
  <si>
    <t>1320</t>
  </si>
  <si>
    <t>376</t>
  </si>
  <si>
    <t>367</t>
  </si>
  <si>
    <t>GUAMO</t>
  </si>
  <si>
    <t>CAICEDONIA</t>
  </si>
  <si>
    <t>17281</t>
  </si>
  <si>
    <t>1790</t>
  </si>
  <si>
    <t>153</t>
  </si>
  <si>
    <t>EL ÁGUILA</t>
  </si>
  <si>
    <t>GUACARÍ</t>
  </si>
  <si>
    <t>OBANDO</t>
  </si>
  <si>
    <t>PRADERA</t>
  </si>
  <si>
    <t>797</t>
  </si>
  <si>
    <t>01/14/2011 12:00:00 AM</t>
  </si>
  <si>
    <t>ABRIAQUÍ</t>
  </si>
  <si>
    <t>23000</t>
  </si>
  <si>
    <t>ANGOSTURA</t>
  </si>
  <si>
    <t>510</t>
  </si>
  <si>
    <t>165</t>
  </si>
  <si>
    <t>1330</t>
  </si>
  <si>
    <t>4077</t>
  </si>
  <si>
    <t>2050</t>
  </si>
  <si>
    <t>1112</t>
  </si>
  <si>
    <t>4887</t>
  </si>
  <si>
    <t>1964</t>
  </si>
  <si>
    <t>SAN JUAN NEPOMUCENO</t>
  </si>
  <si>
    <t>362</t>
  </si>
  <si>
    <t>MANZANARES</t>
  </si>
  <si>
    <t>VITERBO</t>
  </si>
  <si>
    <t>20400</t>
  </si>
  <si>
    <t>3500</t>
  </si>
  <si>
    <t>ZONA SELVÁTICA</t>
  </si>
  <si>
    <t>1240</t>
  </si>
  <si>
    <t>53000</t>
  </si>
  <si>
    <t>13000</t>
  </si>
  <si>
    <t>845</t>
  </si>
  <si>
    <t>4000</t>
  </si>
  <si>
    <t>LOS CÓRDOBAS</t>
  </si>
  <si>
    <t>343</t>
  </si>
  <si>
    <t>2341</t>
  </si>
  <si>
    <t>HOSPITALES</t>
  </si>
  <si>
    <t>1890</t>
  </si>
  <si>
    <t>2833</t>
  </si>
  <si>
    <t>FRENTE A DISCOTECAS</t>
  </si>
  <si>
    <t>PACHO</t>
  </si>
  <si>
    <t>84</t>
  </si>
  <si>
    <t>TENA</t>
  </si>
  <si>
    <t>VILLAPINZÓN</t>
  </si>
  <si>
    <t>DIBULLA</t>
  </si>
  <si>
    <t>2083</t>
  </si>
  <si>
    <t>732</t>
  </si>
  <si>
    <t>210</t>
  </si>
  <si>
    <t>6760</t>
  </si>
  <si>
    <t>OSPINA</t>
  </si>
  <si>
    <t>POLICARPA</t>
  </si>
  <si>
    <t>715</t>
  </si>
  <si>
    <t>221</t>
  </si>
  <si>
    <t>SIBUNDOY</t>
  </si>
  <si>
    <t>VALLE DEL GUAMUEZ</t>
  </si>
  <si>
    <t>11000</t>
  </si>
  <si>
    <t>236</t>
  </si>
  <si>
    <t>276</t>
  </si>
  <si>
    <t>570</t>
  </si>
  <si>
    <t>2084</t>
  </si>
  <si>
    <t>1447</t>
  </si>
  <si>
    <t>ULLOA</t>
  </si>
  <si>
    <t>01/15/2011 12:00:00 AM</t>
  </si>
  <si>
    <t>25000</t>
  </si>
  <si>
    <t>152</t>
  </si>
  <si>
    <t>97</t>
  </si>
  <si>
    <t>1305</t>
  </si>
  <si>
    <t>SAN LUIS</t>
  </si>
  <si>
    <t>45000</t>
  </si>
  <si>
    <t>393</t>
  </si>
  <si>
    <t>NOROSÍ</t>
  </si>
  <si>
    <t>250750</t>
  </si>
  <si>
    <t>FILADELFIA</t>
  </si>
  <si>
    <t>666</t>
  </si>
  <si>
    <t>111</t>
  </si>
  <si>
    <t>PENSILVANIA</t>
  </si>
  <si>
    <t>495</t>
  </si>
  <si>
    <t>269</t>
  </si>
  <si>
    <t>1586</t>
  </si>
  <si>
    <t>SESQUILÉ</t>
  </si>
  <si>
    <t>SIBATÉ</t>
  </si>
  <si>
    <t>122</t>
  </si>
  <si>
    <t>EL MOLINO</t>
  </si>
  <si>
    <t>663</t>
  </si>
  <si>
    <t>261</t>
  </si>
  <si>
    <t>96</t>
  </si>
  <si>
    <t>PITALITO</t>
  </si>
  <si>
    <t>499</t>
  </si>
  <si>
    <t>640</t>
  </si>
  <si>
    <t>12519</t>
  </si>
  <si>
    <t>30347</t>
  </si>
  <si>
    <t>192</t>
  </si>
  <si>
    <t>340</t>
  </si>
  <si>
    <t>164</t>
  </si>
  <si>
    <t>572</t>
  </si>
  <si>
    <t>379</t>
  </si>
  <si>
    <t>BARICHARA</t>
  </si>
  <si>
    <t>217</t>
  </si>
  <si>
    <t>286</t>
  </si>
  <si>
    <t>SAMPUÉS</t>
  </si>
  <si>
    <t>FLANDES</t>
  </si>
  <si>
    <t>33550</t>
  </si>
  <si>
    <t>PLANADAS</t>
  </si>
  <si>
    <t>281</t>
  </si>
  <si>
    <t>335</t>
  </si>
  <si>
    <t>PEAJE</t>
  </si>
  <si>
    <t>16000</t>
  </si>
  <si>
    <t>130000</t>
  </si>
  <si>
    <t>01/16/2011 12:00:00 AM</t>
  </si>
  <si>
    <t>515</t>
  </si>
  <si>
    <t>319</t>
  </si>
  <si>
    <t>BETANIA</t>
  </si>
  <si>
    <t>116</t>
  </si>
  <si>
    <t>156</t>
  </si>
  <si>
    <t>GIRARDOTA</t>
  </si>
  <si>
    <t>GUATAPÉ</t>
  </si>
  <si>
    <t>401</t>
  </si>
  <si>
    <t>1494</t>
  </si>
  <si>
    <t>1470</t>
  </si>
  <si>
    <t>126</t>
  </si>
  <si>
    <t>MARÍA LA BAJA</t>
  </si>
  <si>
    <t>SOPLAVIENTO</t>
  </si>
  <si>
    <t>555</t>
  </si>
  <si>
    <t>519</t>
  </si>
  <si>
    <t>1175</t>
  </si>
  <si>
    <t>GACHETÁ</t>
  </si>
  <si>
    <t>FRENTE CONJUNTO - VIA PUBLICA</t>
  </si>
  <si>
    <t>TABIO</t>
  </si>
  <si>
    <t>UBALÁ</t>
  </si>
  <si>
    <t>ZIPACÓN</t>
  </si>
  <si>
    <t>42434</t>
  </si>
  <si>
    <t>763</t>
  </si>
  <si>
    <t>SITIONUEVO</t>
  </si>
  <si>
    <t>204</t>
  </si>
  <si>
    <t>BUESACO</t>
  </si>
  <si>
    <t>90000</t>
  </si>
  <si>
    <t>966</t>
  </si>
  <si>
    <t>526</t>
  </si>
  <si>
    <t>BALBOA</t>
  </si>
  <si>
    <t>291</t>
  </si>
  <si>
    <t>1904</t>
  </si>
  <si>
    <t>2060</t>
  </si>
  <si>
    <t>148</t>
  </si>
  <si>
    <t>384</t>
  </si>
  <si>
    <t>CAJAMARCA</t>
  </si>
  <si>
    <t>HERVEO</t>
  </si>
  <si>
    <t>633</t>
  </si>
  <si>
    <t>01/17/2011 12:00:00 AM</t>
  </si>
  <si>
    <t>810</t>
  </si>
  <si>
    <t>92000</t>
  </si>
  <si>
    <t>932</t>
  </si>
  <si>
    <t>1340</t>
  </si>
  <si>
    <t>200000</t>
  </si>
  <si>
    <t>1060</t>
  </si>
  <si>
    <t>166</t>
  </si>
  <si>
    <t>FRENTE EMPRESA - VIA PUBLICA</t>
  </si>
  <si>
    <t>1490</t>
  </si>
  <si>
    <t>2700</t>
  </si>
  <si>
    <t>LA MONTAÑITA</t>
  </si>
  <si>
    <t>8350</t>
  </si>
  <si>
    <t>284</t>
  </si>
  <si>
    <t>1074</t>
  </si>
  <si>
    <t>MANAURE</t>
  </si>
  <si>
    <t>1710</t>
  </si>
  <si>
    <t>LA APARTADA</t>
  </si>
  <si>
    <t>523</t>
  </si>
  <si>
    <t>3450</t>
  </si>
  <si>
    <t>GUAYABAL DE SIQUIMA</t>
  </si>
  <si>
    <t>PITAL</t>
  </si>
  <si>
    <t>754</t>
  </si>
  <si>
    <t>LABORATORIO DE MARIHUANA</t>
  </si>
  <si>
    <t>7500000</t>
  </si>
  <si>
    <t>265</t>
  </si>
  <si>
    <t>GUAITARILLA</t>
  </si>
  <si>
    <t>530</t>
  </si>
  <si>
    <t>SAN LORENZO</t>
  </si>
  <si>
    <t>453</t>
  </si>
  <si>
    <t>2935</t>
  </si>
  <si>
    <t>ANSERMANUEVO</t>
  </si>
  <si>
    <t>1621</t>
  </si>
  <si>
    <t>VIJES</t>
  </si>
  <si>
    <t>1275</t>
  </si>
  <si>
    <t>01/18/2011 12:00:00 AM</t>
  </si>
  <si>
    <t>16200</t>
  </si>
  <si>
    <t>4905</t>
  </si>
  <si>
    <t>PEQUE</t>
  </si>
  <si>
    <t>692</t>
  </si>
  <si>
    <t>488</t>
  </si>
  <si>
    <t>ZARAGOZA</t>
  </si>
  <si>
    <t>215</t>
  </si>
  <si>
    <t>560</t>
  </si>
  <si>
    <t>ARCABUCO</t>
  </si>
  <si>
    <t>BODEGAS Y SIMILARES</t>
  </si>
  <si>
    <t>650</t>
  </si>
  <si>
    <t>7500</t>
  </si>
  <si>
    <t>BOSCONIA</t>
  </si>
  <si>
    <t>PLANETA RICA</t>
  </si>
  <si>
    <t>3202</t>
  </si>
  <si>
    <t>669</t>
  </si>
  <si>
    <t>7680</t>
  </si>
  <si>
    <t>2698</t>
  </si>
  <si>
    <t>505</t>
  </si>
  <si>
    <t>ARIGUANÍ</t>
  </si>
  <si>
    <t>SAN SEBASTIÁN DE BUENAVISTA</t>
  </si>
  <si>
    <t>323</t>
  </si>
  <si>
    <t>44800</t>
  </si>
  <si>
    <t>502</t>
  </si>
  <si>
    <t>TEORAMA</t>
  </si>
  <si>
    <t>3400</t>
  </si>
  <si>
    <t>1075</t>
  </si>
  <si>
    <t>295</t>
  </si>
  <si>
    <t>ALCALÁ</t>
  </si>
  <si>
    <t>1661</t>
  </si>
  <si>
    <t>1200</t>
  </si>
  <si>
    <t>3016</t>
  </si>
  <si>
    <t>446</t>
  </si>
  <si>
    <t>220</t>
  </si>
  <si>
    <t>OFICINAS</t>
  </si>
  <si>
    <t>01/19/2011 12:00:00 AM</t>
  </si>
  <si>
    <t>DROGUERIAS, FARMACIAS</t>
  </si>
  <si>
    <t>169</t>
  </si>
  <si>
    <t>4125</t>
  </si>
  <si>
    <t>288</t>
  </si>
  <si>
    <t>5440</t>
  </si>
  <si>
    <t>548</t>
  </si>
  <si>
    <t>133</t>
  </si>
  <si>
    <t>TUTA</t>
  </si>
  <si>
    <t>ZETAQUIRA</t>
  </si>
  <si>
    <t>278</t>
  </si>
  <si>
    <t>1796</t>
  </si>
  <si>
    <t>BOJACÁ</t>
  </si>
  <si>
    <t>328</t>
  </si>
  <si>
    <t>SAN FRANCISCO</t>
  </si>
  <si>
    <t>ÚTICA</t>
  </si>
  <si>
    <t>VERGARA</t>
  </si>
  <si>
    <t>COLEGIOS, ESCUELAS</t>
  </si>
  <si>
    <t>GIGANTE</t>
  </si>
  <si>
    <t>4721</t>
  </si>
  <si>
    <t>142</t>
  </si>
  <si>
    <t>655</t>
  </si>
  <si>
    <t>CAÑOS</t>
  </si>
  <si>
    <t>378</t>
  </si>
  <si>
    <t>317</t>
  </si>
  <si>
    <t>1184</t>
  </si>
  <si>
    <t>243</t>
  </si>
  <si>
    <t>352</t>
  </si>
  <si>
    <t>QUEBRADA</t>
  </si>
  <si>
    <t>CHAPARRAL</t>
  </si>
  <si>
    <t>28000</t>
  </si>
  <si>
    <t>LÍBANO</t>
  </si>
  <si>
    <t>VENADILLO</t>
  </si>
  <si>
    <t>2964</t>
  </si>
  <si>
    <t>EL CAIRO</t>
  </si>
  <si>
    <t>20500</t>
  </si>
  <si>
    <t>01/20/2011 12:00:00 AM</t>
  </si>
  <si>
    <t>707</t>
  </si>
  <si>
    <t>496</t>
  </si>
  <si>
    <t>17875</t>
  </si>
  <si>
    <t>RETIRO</t>
  </si>
  <si>
    <t>235</t>
  </si>
  <si>
    <t>CORRALES</t>
  </si>
  <si>
    <t>MUZO</t>
  </si>
  <si>
    <t>154</t>
  </si>
  <si>
    <t>10000</t>
  </si>
  <si>
    <t>80000</t>
  </si>
  <si>
    <t>PIENDAMÓ</t>
  </si>
  <si>
    <t>TAMALAMEQUE</t>
  </si>
  <si>
    <t>5677</t>
  </si>
  <si>
    <t>LA PLATA</t>
  </si>
  <si>
    <t>371</t>
  </si>
  <si>
    <t>24579</t>
  </si>
  <si>
    <t>665</t>
  </si>
  <si>
    <t>117</t>
  </si>
  <si>
    <t>1047</t>
  </si>
  <si>
    <t>1044</t>
  </si>
  <si>
    <t>1606</t>
  </si>
  <si>
    <t>1315</t>
  </si>
  <si>
    <t>01/21/2011 12:00:00 AM</t>
  </si>
  <si>
    <t>78000</t>
  </si>
  <si>
    <t>5280</t>
  </si>
  <si>
    <t>1290</t>
  </si>
  <si>
    <t>SABANAGRANDE</t>
  </si>
  <si>
    <t>POTREROS</t>
  </si>
  <si>
    <t>949</t>
  </si>
  <si>
    <t>292</t>
  </si>
  <si>
    <t>750</t>
  </si>
  <si>
    <t>LA PAZ</t>
  </si>
  <si>
    <t>652</t>
  </si>
  <si>
    <t>2250</t>
  </si>
  <si>
    <t>PARQUEADERO</t>
  </si>
  <si>
    <t>136</t>
  </si>
  <si>
    <t>MEDINA</t>
  </si>
  <si>
    <t>184</t>
  </si>
  <si>
    <t>412</t>
  </si>
  <si>
    <t>714</t>
  </si>
  <si>
    <t>RIVERA</t>
  </si>
  <si>
    <t>TERUEL</t>
  </si>
  <si>
    <t>VILLAVIEJA</t>
  </si>
  <si>
    <t>URIBE</t>
  </si>
  <si>
    <t>4960</t>
  </si>
  <si>
    <t>3200</t>
  </si>
  <si>
    <t>FABRICAS</t>
  </si>
  <si>
    <t>114</t>
  </si>
  <si>
    <t>PUERTO CAICEDO</t>
  </si>
  <si>
    <t>76821</t>
  </si>
  <si>
    <t>2002</t>
  </si>
  <si>
    <t>2725</t>
  </si>
  <si>
    <t>835</t>
  </si>
  <si>
    <t>325</t>
  </si>
  <si>
    <t>193</t>
  </si>
  <si>
    <t>682</t>
  </si>
  <si>
    <t>SABANA DE TORRES</t>
  </si>
  <si>
    <t>TIENDA</t>
  </si>
  <si>
    <t>COVEÑAS</t>
  </si>
  <si>
    <t>EL ROBLE</t>
  </si>
  <si>
    <t>600000</t>
  </si>
  <si>
    <t>304</t>
  </si>
  <si>
    <t>848</t>
  </si>
  <si>
    <t>01/22/2011 12:00:00 AM</t>
  </si>
  <si>
    <t>416</t>
  </si>
  <si>
    <t>189</t>
  </si>
  <si>
    <t>517</t>
  </si>
  <si>
    <t>5338</t>
  </si>
  <si>
    <t>1297</t>
  </si>
  <si>
    <t>YONDÓ</t>
  </si>
  <si>
    <t>SAN MARTÍN DE LOBA</t>
  </si>
  <si>
    <t>EL COCUY</t>
  </si>
  <si>
    <t>PANADERIAS</t>
  </si>
  <si>
    <t>24514</t>
  </si>
  <si>
    <t>3313</t>
  </si>
  <si>
    <t>NEIRA</t>
  </si>
  <si>
    <t>423</t>
  </si>
  <si>
    <t>38142</t>
  </si>
  <si>
    <t>162000</t>
  </si>
  <si>
    <t>FLORENCIA</t>
  </si>
  <si>
    <t>2434</t>
  </si>
  <si>
    <t>266</t>
  </si>
  <si>
    <t>493</t>
  </si>
  <si>
    <t>IQUIRA</t>
  </si>
  <si>
    <t>182</t>
  </si>
  <si>
    <t>439</t>
  </si>
  <si>
    <t>FRENTE A ALMACEN - VIA PUBLICA</t>
  </si>
  <si>
    <t>DISCOTECAS</t>
  </si>
  <si>
    <t>VILLAGARZÓN</t>
  </si>
  <si>
    <t>885</t>
  </si>
  <si>
    <t>17707</t>
  </si>
  <si>
    <t>899</t>
  </si>
  <si>
    <t>1525</t>
  </si>
  <si>
    <t>521</t>
  </si>
  <si>
    <t>720</t>
  </si>
  <si>
    <t>ROVIRA</t>
  </si>
  <si>
    <t>5255</t>
  </si>
  <si>
    <t>210000</t>
  </si>
  <si>
    <t>1035</t>
  </si>
  <si>
    <t>30320</t>
  </si>
  <si>
    <t>01/23/2011 12:00:00 AM</t>
  </si>
  <si>
    <t>2280</t>
  </si>
  <si>
    <t>183</t>
  </si>
  <si>
    <t>174</t>
  </si>
  <si>
    <t>834</t>
  </si>
  <si>
    <t>LA MERCED</t>
  </si>
  <si>
    <t>203</t>
  </si>
  <si>
    <t>SAN JOSÉ</t>
  </si>
  <si>
    <t>CIÉNAGA DE ORO</t>
  </si>
  <si>
    <t>716</t>
  </si>
  <si>
    <t>6025</t>
  </si>
  <si>
    <t>GACHALA</t>
  </si>
  <si>
    <t>LABORATORIO DE CRISTALIZACION</t>
  </si>
  <si>
    <t>28600</t>
  </si>
  <si>
    <t>173</t>
  </si>
  <si>
    <t>494</t>
  </si>
  <si>
    <t>CACHIRÁ</t>
  </si>
  <si>
    <t>134</t>
  </si>
  <si>
    <t>392</t>
  </si>
  <si>
    <t>1272</t>
  </si>
  <si>
    <t>SAN JUAN DE BETULIA</t>
  </si>
  <si>
    <t>LÉRIDA</t>
  </si>
  <si>
    <t>1976</t>
  </si>
  <si>
    <t>163</t>
  </si>
  <si>
    <t>982</t>
  </si>
  <si>
    <t>2138</t>
  </si>
  <si>
    <t>410</t>
  </si>
  <si>
    <t>01/24/2011 12:00:00 AM</t>
  </si>
  <si>
    <t>819</t>
  </si>
  <si>
    <t>249</t>
  </si>
  <si>
    <t>264</t>
  </si>
  <si>
    <t>16661</t>
  </si>
  <si>
    <t>MUTATÁ</t>
  </si>
  <si>
    <t>SABANETA</t>
  </si>
  <si>
    <t>JAMBALÓ</t>
  </si>
  <si>
    <t>293</t>
  </si>
  <si>
    <t>289</t>
  </si>
  <si>
    <t>2226</t>
  </si>
  <si>
    <t>GARZÓN</t>
  </si>
  <si>
    <t>GUACHUCAL</t>
  </si>
  <si>
    <t>1026</t>
  </si>
  <si>
    <t>FILANDIA</t>
  </si>
  <si>
    <t>MISTRATÓ</t>
  </si>
  <si>
    <t>2200</t>
  </si>
  <si>
    <t>3300</t>
  </si>
  <si>
    <t>1555</t>
  </si>
  <si>
    <t>8525</t>
  </si>
  <si>
    <t>CURITÍ</t>
  </si>
  <si>
    <t>CAIMITO</t>
  </si>
  <si>
    <t>746</t>
  </si>
  <si>
    <t>938</t>
  </si>
  <si>
    <t>01/25/2011 12:00:00 AM</t>
  </si>
  <si>
    <t>6170</t>
  </si>
  <si>
    <t>3962</t>
  </si>
  <si>
    <t>397</t>
  </si>
  <si>
    <t>4340</t>
  </si>
  <si>
    <t>129</t>
  </si>
  <si>
    <t>13580</t>
  </si>
  <si>
    <t>2010</t>
  </si>
  <si>
    <t>436</t>
  </si>
  <si>
    <t>1817</t>
  </si>
  <si>
    <t>BARANOA</t>
  </si>
  <si>
    <t>9903</t>
  </si>
  <si>
    <t>1775</t>
  </si>
  <si>
    <t>1678</t>
  </si>
  <si>
    <t>121</t>
  </si>
  <si>
    <t>171</t>
  </si>
  <si>
    <t>1041</t>
  </si>
  <si>
    <t>326</t>
  </si>
  <si>
    <t>FRENTE RESTAURANTE</t>
  </si>
  <si>
    <t>82000</t>
  </si>
  <si>
    <t>425000</t>
  </si>
  <si>
    <t>1401</t>
  </si>
  <si>
    <t>VICHADA</t>
  </si>
  <si>
    <t>CUMARIBO</t>
  </si>
  <si>
    <t>321000</t>
  </si>
  <si>
    <t>01/26/2011 12:00:00 AM</t>
  </si>
  <si>
    <t>6460</t>
  </si>
  <si>
    <t>239</t>
  </si>
  <si>
    <t>540</t>
  </si>
  <si>
    <t>656</t>
  </si>
  <si>
    <t>VICTORIA</t>
  </si>
  <si>
    <t>1097</t>
  </si>
  <si>
    <t>2257</t>
  </si>
  <si>
    <t>SAN ANDRÉS SOTAVENTO</t>
  </si>
  <si>
    <t>320</t>
  </si>
  <si>
    <t>398</t>
  </si>
  <si>
    <t>2929</t>
  </si>
  <si>
    <t>FOSCA</t>
  </si>
  <si>
    <t>674</t>
  </si>
  <si>
    <t>337</t>
  </si>
  <si>
    <t>CHINÁCOTA</t>
  </si>
  <si>
    <t>1721</t>
  </si>
  <si>
    <t>103000</t>
  </si>
  <si>
    <t>348</t>
  </si>
  <si>
    <t>1475</t>
  </si>
  <si>
    <t>2615</t>
  </si>
  <si>
    <t>01/27/2011 12:00:00 AM</t>
  </si>
  <si>
    <t>1419</t>
  </si>
  <si>
    <t>1859</t>
  </si>
  <si>
    <t>ESTADERO</t>
  </si>
  <si>
    <t>LAVANDERIAS</t>
  </si>
  <si>
    <t>285</t>
  </si>
  <si>
    <t>187</t>
  </si>
  <si>
    <t>783</t>
  </si>
  <si>
    <t>238</t>
  </si>
  <si>
    <t>SANTA CATALINA</t>
  </si>
  <si>
    <t>ZAMBRANO</t>
  </si>
  <si>
    <t>EL ESPINO</t>
  </si>
  <si>
    <t>CENTRO RECREACIONAL</t>
  </si>
  <si>
    <t>EL DONCELLO</t>
  </si>
  <si>
    <t>483</t>
  </si>
  <si>
    <t>TIMBÍO</t>
  </si>
  <si>
    <t>MOÑITOS</t>
  </si>
  <si>
    <t>389</t>
  </si>
  <si>
    <t>3118</t>
  </si>
  <si>
    <t>GAMA</t>
  </si>
  <si>
    <t>16380</t>
  </si>
  <si>
    <t>391</t>
  </si>
  <si>
    <t>179</t>
  </si>
  <si>
    <t>145</t>
  </si>
  <si>
    <t>MOGOTES</t>
  </si>
  <si>
    <t>10764</t>
  </si>
  <si>
    <t>2300</t>
  </si>
  <si>
    <t>1153</t>
  </si>
  <si>
    <t>RIOFRÍO</t>
  </si>
  <si>
    <t>01/28/2011 12:00:00 AM</t>
  </si>
  <si>
    <t>512</t>
  </si>
  <si>
    <t>1400</t>
  </si>
  <si>
    <t>8150</t>
  </si>
  <si>
    <t>131</t>
  </si>
  <si>
    <t>176</t>
  </si>
  <si>
    <t>MORALES</t>
  </si>
  <si>
    <t>BUENOS AIRES</t>
  </si>
  <si>
    <t>4200</t>
  </si>
  <si>
    <t>6800</t>
  </si>
  <si>
    <t>7199</t>
  </si>
  <si>
    <t>GUASCA</t>
  </si>
  <si>
    <t>BARRANCAS</t>
  </si>
  <si>
    <t>198</t>
  </si>
  <si>
    <t>ARACATACA</t>
  </si>
  <si>
    <t>RODANDO SOBRE VIA - VIA PUBLICA</t>
  </si>
  <si>
    <t>5350</t>
  </si>
  <si>
    <t>NEW JERSEY</t>
  </si>
  <si>
    <t>-</t>
  </si>
  <si>
    <t>6500</t>
  </si>
  <si>
    <t>10351</t>
  </si>
  <si>
    <t>57180</t>
  </si>
  <si>
    <t>3025</t>
  </si>
  <si>
    <t>1092</t>
  </si>
  <si>
    <t>41858</t>
  </si>
  <si>
    <t>4238</t>
  </si>
  <si>
    <t>PUENTE NACIONAL</t>
  </si>
  <si>
    <t>146</t>
  </si>
  <si>
    <t>197</t>
  </si>
  <si>
    <t>784</t>
  </si>
  <si>
    <t>1010</t>
  </si>
  <si>
    <t>770</t>
  </si>
  <si>
    <t>2000000</t>
  </si>
  <si>
    <t>01/29/2011 12:00:00 AM</t>
  </si>
  <si>
    <t>5020</t>
  </si>
  <si>
    <t>675</t>
  </si>
  <si>
    <t>3270</t>
  </si>
  <si>
    <t>508</t>
  </si>
  <si>
    <t>860</t>
  </si>
  <si>
    <t>UNIVERSIDADES</t>
  </si>
  <si>
    <t>1434</t>
  </si>
  <si>
    <t>3125</t>
  </si>
  <si>
    <t>ARANZAZU</t>
  </si>
  <si>
    <t>1066</t>
  </si>
  <si>
    <t>MILÁN</t>
  </si>
  <si>
    <t>MERCADERES</t>
  </si>
  <si>
    <t>EL CARMEN DE ATRATO</t>
  </si>
  <si>
    <t>APULO</t>
  </si>
  <si>
    <t>6780</t>
  </si>
  <si>
    <t>3148</t>
  </si>
  <si>
    <t>VIANÍ</t>
  </si>
  <si>
    <t>ACEVEDO</t>
  </si>
  <si>
    <t>CERRO SAN ANTONIO</t>
  </si>
  <si>
    <t>PLATO</t>
  </si>
  <si>
    <t>22000</t>
  </si>
  <si>
    <t>333</t>
  </si>
  <si>
    <t>LA PLAYA</t>
  </si>
  <si>
    <t>FRENTE A EDIFICIO - VIA PUBLICA</t>
  </si>
  <si>
    <t>CONTRATACIÓN</t>
  </si>
  <si>
    <t>INSTALACIONES DE LA POLICIA</t>
  </si>
  <si>
    <t>1493</t>
  </si>
  <si>
    <t>01/30/2011 12:00:00 AM</t>
  </si>
  <si>
    <t>366</t>
  </si>
  <si>
    <t>2830</t>
  </si>
  <si>
    <t>422</t>
  </si>
  <si>
    <t>581</t>
  </si>
  <si>
    <t>2663</t>
  </si>
  <si>
    <t>233</t>
  </si>
  <si>
    <t>SUAZA</t>
  </si>
  <si>
    <t>1100</t>
  </si>
  <si>
    <t>ARBOLEDAS</t>
  </si>
  <si>
    <t>12231</t>
  </si>
  <si>
    <t>PUERTO GUZMÁN</t>
  </si>
  <si>
    <t>597</t>
  </si>
  <si>
    <t>229</t>
  </si>
  <si>
    <t>VÉLEZ</t>
  </si>
  <si>
    <t>FRESNO</t>
  </si>
  <si>
    <t>694</t>
  </si>
  <si>
    <t>846</t>
  </si>
  <si>
    <t>1949</t>
  </si>
  <si>
    <t>94626</t>
  </si>
  <si>
    <t>01/31/2011 12:00:00 AM</t>
  </si>
  <si>
    <t>425</t>
  </si>
  <si>
    <t>2555</t>
  </si>
  <si>
    <t>338152</t>
  </si>
  <si>
    <t>420000</t>
  </si>
  <si>
    <t>629825</t>
  </si>
  <si>
    <t>MONIQUIRÁ</t>
  </si>
  <si>
    <t>534</t>
  </si>
  <si>
    <t>SAN DIEGO</t>
  </si>
  <si>
    <t>4621</t>
  </si>
  <si>
    <t>SAN JOSÉ DEL PALMAR</t>
  </si>
  <si>
    <t>601</t>
  </si>
  <si>
    <t>12978</t>
  </si>
  <si>
    <t>578</t>
  </si>
  <si>
    <t>1160</t>
  </si>
  <si>
    <t>CARMEN DE CARUPA</t>
  </si>
  <si>
    <t>CHAGUANÍ</t>
  </si>
  <si>
    <t>1578</t>
  </si>
  <si>
    <t>4215</t>
  </si>
  <si>
    <t>GUATAVITA</t>
  </si>
  <si>
    <t>MANTA</t>
  </si>
  <si>
    <t>1015</t>
  </si>
  <si>
    <t>128519</t>
  </si>
  <si>
    <t>430</t>
  </si>
  <si>
    <t>356</t>
  </si>
  <si>
    <t>CAPITANEJO</t>
  </si>
  <si>
    <t>2363</t>
  </si>
  <si>
    <t>1526</t>
  </si>
  <si>
    <t>1403</t>
  </si>
  <si>
    <t>231</t>
  </si>
  <si>
    <t>1768</t>
  </si>
  <si>
    <t>1103</t>
  </si>
  <si>
    <t>2705</t>
  </si>
  <si>
    <t>02/01/2011 12:00:00 AM</t>
  </si>
  <si>
    <t>2150</t>
  </si>
  <si>
    <t>1347</t>
  </si>
  <si>
    <t>PUERTO RONDÓN</t>
  </si>
  <si>
    <t>11130</t>
  </si>
  <si>
    <t>TUBARÁ</t>
  </si>
  <si>
    <t>223</t>
  </si>
  <si>
    <t>TOGÜÍ</t>
  </si>
  <si>
    <t>CENTRO COMERCIAL</t>
  </si>
  <si>
    <t>BELALCÁZAR</t>
  </si>
  <si>
    <t>PÁCORA</t>
  </si>
  <si>
    <t>312</t>
  </si>
  <si>
    <t>4134</t>
  </si>
  <si>
    <t>CHIMICHAGUA</t>
  </si>
  <si>
    <t>GAMARRA</t>
  </si>
  <si>
    <t>646</t>
  </si>
  <si>
    <t>2840</t>
  </si>
  <si>
    <t>PAIME</t>
  </si>
  <si>
    <t>2350</t>
  </si>
  <si>
    <t>ALGARROBO</t>
  </si>
  <si>
    <t>BARBACOAS</t>
  </si>
  <si>
    <t>1663</t>
  </si>
  <si>
    <t>1289</t>
  </si>
  <si>
    <t>396</t>
  </si>
  <si>
    <t>SAN VICENTE DE CHUCURÍ</t>
  </si>
  <si>
    <t>MAJAGUAL</t>
  </si>
  <si>
    <t>SAN BENITO ABAD</t>
  </si>
  <si>
    <t>CASABIANCA</t>
  </si>
  <si>
    <t>2488</t>
  </si>
  <si>
    <t>4500</t>
  </si>
  <si>
    <t>18000</t>
  </si>
  <si>
    <t>02/02/2011 12:00:00 AM</t>
  </si>
  <si>
    <t>585</t>
  </si>
  <si>
    <t>1696</t>
  </si>
  <si>
    <t>524</t>
  </si>
  <si>
    <t>BOMBA DE GASOLINA</t>
  </si>
  <si>
    <t>351</t>
  </si>
  <si>
    <t>18352</t>
  </si>
  <si>
    <t>MANATÍ</t>
  </si>
  <si>
    <t>SANTO TOMÁS</t>
  </si>
  <si>
    <t>MAHATES</t>
  </si>
  <si>
    <t>SECTOR RESIDENCIAS</t>
  </si>
  <si>
    <t>OTANCHE</t>
  </si>
  <si>
    <t>EL PASO</t>
  </si>
  <si>
    <t>PAILITAS</t>
  </si>
  <si>
    <t>1766</t>
  </si>
  <si>
    <t>1842</t>
  </si>
  <si>
    <t>181</t>
  </si>
  <si>
    <t>EL CASTILLO</t>
  </si>
  <si>
    <t>LOS ANDES</t>
  </si>
  <si>
    <t>10592</t>
  </si>
  <si>
    <t>GLORIETA</t>
  </si>
  <si>
    <t>TRANSPORTE PÚBLICO</t>
  </si>
  <si>
    <t>11828</t>
  </si>
  <si>
    <t>728</t>
  </si>
  <si>
    <t>1021</t>
  </si>
  <si>
    <t>610</t>
  </si>
  <si>
    <t>313</t>
  </si>
  <si>
    <t>3339</t>
  </si>
  <si>
    <t>2011</t>
  </si>
  <si>
    <t>GUARANDA</t>
  </si>
  <si>
    <t>HONDA</t>
  </si>
  <si>
    <t>771</t>
  </si>
  <si>
    <t>94700</t>
  </si>
  <si>
    <t>1473</t>
  </si>
  <si>
    <t>40023</t>
  </si>
  <si>
    <t>02/03/2011 12:00:00 AM</t>
  </si>
  <si>
    <t>395</t>
  </si>
  <si>
    <t>25141</t>
  </si>
  <si>
    <t>647</t>
  </si>
  <si>
    <t>7391</t>
  </si>
  <si>
    <t>102000</t>
  </si>
  <si>
    <t>1538</t>
  </si>
  <si>
    <t>CHITARAQUE</t>
  </si>
  <si>
    <t>PAUNA</t>
  </si>
  <si>
    <t>33610</t>
  </si>
  <si>
    <t>SELVA</t>
  </si>
  <si>
    <t>98000</t>
  </si>
  <si>
    <t>02/04/2011 12:00:00 AM</t>
  </si>
  <si>
    <t>RÍO DE ORO</t>
  </si>
  <si>
    <t>2154</t>
  </si>
  <si>
    <t>19475</t>
  </si>
  <si>
    <t>2482</t>
  </si>
  <si>
    <t>TOCANCIPÁ</t>
  </si>
  <si>
    <t>2004</t>
  </si>
  <si>
    <t>PUERRES</t>
  </si>
  <si>
    <t>725</t>
  </si>
  <si>
    <t>985</t>
  </si>
  <si>
    <t>1350</t>
  </si>
  <si>
    <t>1734</t>
  </si>
  <si>
    <t>12500</t>
  </si>
  <si>
    <t>626</t>
  </si>
  <si>
    <t>445</t>
  </si>
  <si>
    <t>1867</t>
  </si>
  <si>
    <t>21046</t>
  </si>
  <si>
    <t>222</t>
  </si>
  <si>
    <t>216800</t>
  </si>
  <si>
    <t>1210</t>
  </si>
  <si>
    <t>636</t>
  </si>
  <si>
    <t>2805</t>
  </si>
  <si>
    <t>263</t>
  </si>
  <si>
    <t>11415</t>
  </si>
  <si>
    <t>4815</t>
  </si>
  <si>
    <t>PIOJÓ</t>
  </si>
  <si>
    <t>SANTA SOFÍA</t>
  </si>
  <si>
    <t>SUTATENZA</t>
  </si>
  <si>
    <t>2282</t>
  </si>
  <si>
    <t>1137</t>
  </si>
  <si>
    <t>SAN VICENTE DEL CAGUÁN</t>
  </si>
  <si>
    <t>739</t>
  </si>
  <si>
    <t>GUACHENÉ</t>
  </si>
  <si>
    <t>5485</t>
  </si>
  <si>
    <t>BECERRIL</t>
  </si>
  <si>
    <t>CHIRIGUANÁ</t>
  </si>
  <si>
    <t>1665</t>
  </si>
  <si>
    <t>LORICA</t>
  </si>
  <si>
    <t>840</t>
  </si>
  <si>
    <t>SAN ANTERO</t>
  </si>
  <si>
    <t>13100</t>
  </si>
  <si>
    <t>457</t>
  </si>
  <si>
    <t>84235</t>
  </si>
  <si>
    <t>LA VEGA</t>
  </si>
  <si>
    <t>1008</t>
  </si>
  <si>
    <t>FUNDACIÓN</t>
  </si>
  <si>
    <t>MAPIRIPÁN</t>
  </si>
  <si>
    <t>237</t>
  </si>
  <si>
    <t>531</t>
  </si>
  <si>
    <t>EL PLAYÓN</t>
  </si>
  <si>
    <t>AMBALEMA</t>
  </si>
  <si>
    <t>PURIFICACIÓN</t>
  </si>
  <si>
    <t>02/05/2011 12:00:00 AM</t>
  </si>
  <si>
    <t>211</t>
  </si>
  <si>
    <t>2145</t>
  </si>
  <si>
    <t>13435</t>
  </si>
  <si>
    <t>229000</t>
  </si>
  <si>
    <t>385</t>
  </si>
  <si>
    <t>8283</t>
  </si>
  <si>
    <t>PADILLA</t>
  </si>
  <si>
    <t>12350</t>
  </si>
  <si>
    <t>3263</t>
  </si>
  <si>
    <t>44878</t>
  </si>
  <si>
    <t>1050</t>
  </si>
  <si>
    <t>CABUYARO</t>
  </si>
  <si>
    <t>BOCHALEMA</t>
  </si>
  <si>
    <t>1087</t>
  </si>
  <si>
    <t>545</t>
  </si>
  <si>
    <t>1188</t>
  </si>
  <si>
    <t>7580</t>
  </si>
  <si>
    <t>2093</t>
  </si>
  <si>
    <t>INSTALACIONES DEL EJERCITO</t>
  </si>
  <si>
    <t>878</t>
  </si>
  <si>
    <t>888</t>
  </si>
  <si>
    <t>4010</t>
  </si>
  <si>
    <t>212</t>
  </si>
  <si>
    <t>EMPRESA</t>
  </si>
  <si>
    <t>204800</t>
  </si>
  <si>
    <t xml:space="preserve">PUERTO CARREÑO </t>
  </si>
  <si>
    <t>02/06/2011 12:00:00 AM</t>
  </si>
  <si>
    <t>1057</t>
  </si>
  <si>
    <t>509</t>
  </si>
  <si>
    <t>19105</t>
  </si>
  <si>
    <t>REPELÓN</t>
  </si>
  <si>
    <t>561</t>
  </si>
  <si>
    <t>48000</t>
  </si>
  <si>
    <t>24350</t>
  </si>
  <si>
    <t>3750</t>
  </si>
  <si>
    <t>513</t>
  </si>
  <si>
    <t>1489</t>
  </si>
  <si>
    <t>NIMAIMA</t>
  </si>
  <si>
    <t>EL DORADO</t>
  </si>
  <si>
    <t>LA MACARENA</t>
  </si>
  <si>
    <t>178</t>
  </si>
  <si>
    <t>ATACO</t>
  </si>
  <si>
    <t>563</t>
  </si>
  <si>
    <t>1302</t>
  </si>
  <si>
    <t>38000</t>
  </si>
  <si>
    <t>472</t>
  </si>
  <si>
    <t>31400</t>
  </si>
  <si>
    <t>02/07/2011 12:00:00 AM</t>
  </si>
  <si>
    <t>2055</t>
  </si>
  <si>
    <t>3900</t>
  </si>
  <si>
    <t>2260</t>
  </si>
  <si>
    <t>562</t>
  </si>
  <si>
    <t>1764</t>
  </si>
  <si>
    <t>20300</t>
  </si>
  <si>
    <t>CHINAVITA</t>
  </si>
  <si>
    <t>471</t>
  </si>
  <si>
    <t>PUEBLO NUEVO</t>
  </si>
  <si>
    <t>PARADERO DE BUSES</t>
  </si>
  <si>
    <t>14629</t>
  </si>
  <si>
    <t>1186</t>
  </si>
  <si>
    <t>SANTA MARÍA</t>
  </si>
  <si>
    <t>216</t>
  </si>
  <si>
    <t>1900</t>
  </si>
  <si>
    <t>369</t>
  </si>
  <si>
    <t>ALVARADO</t>
  </si>
  <si>
    <t>3377</t>
  </si>
  <si>
    <t>02/08/2011 12:00:00 AM</t>
  </si>
  <si>
    <t>931</t>
  </si>
  <si>
    <t>12865</t>
  </si>
  <si>
    <t>4563</t>
  </si>
  <si>
    <t>582</t>
  </si>
  <si>
    <t>4540</t>
  </si>
  <si>
    <t>3379</t>
  </si>
  <si>
    <t>RAMIRIQUÍ</t>
  </si>
  <si>
    <t>BELÉN DE LOS ANDAQUIES</t>
  </si>
  <si>
    <t>23061</t>
  </si>
  <si>
    <t>1070</t>
  </si>
  <si>
    <t>660</t>
  </si>
  <si>
    <t>2152</t>
  </si>
  <si>
    <t>TELLO</t>
  </si>
  <si>
    <t>PUERTO CONCORDIA</t>
  </si>
  <si>
    <t>73850</t>
  </si>
  <si>
    <t>11322</t>
  </si>
  <si>
    <t>11318</t>
  </si>
  <si>
    <t>214000</t>
  </si>
  <si>
    <t>1125</t>
  </si>
  <si>
    <t>1468</t>
  </si>
  <si>
    <t>6978</t>
  </si>
  <si>
    <t>TRANSPORTE FLUVIAL</t>
  </si>
  <si>
    <t>3060</t>
  </si>
  <si>
    <t>MÁLAGA</t>
  </si>
  <si>
    <t>1507</t>
  </si>
  <si>
    <t>5174</t>
  </si>
  <si>
    <t>02/09/2011 12:00:00 AM</t>
  </si>
  <si>
    <t>910</t>
  </si>
  <si>
    <t>138</t>
  </si>
  <si>
    <t>87900</t>
  </si>
  <si>
    <t>GUAPI</t>
  </si>
  <si>
    <t>6173</t>
  </si>
  <si>
    <t>2294</t>
  </si>
  <si>
    <t>311</t>
  </si>
  <si>
    <t>SUESCA</t>
  </si>
  <si>
    <t>7602</t>
  </si>
  <si>
    <t>719</t>
  </si>
  <si>
    <t>VISTAHERMOSA</t>
  </si>
  <si>
    <t>14000</t>
  </si>
  <si>
    <t>914</t>
  </si>
  <si>
    <t>206</t>
  </si>
  <si>
    <t>306</t>
  </si>
  <si>
    <t>1620</t>
  </si>
  <si>
    <t>1375</t>
  </si>
  <si>
    <t>02/10/2011 12:00:00 AM</t>
  </si>
  <si>
    <t>PUERTO NARIÑO</t>
  </si>
  <si>
    <t>440</t>
  </si>
  <si>
    <t>51400</t>
  </si>
  <si>
    <t>380</t>
  </si>
  <si>
    <t>259</t>
  </si>
  <si>
    <t>3255</t>
  </si>
  <si>
    <t>939</t>
  </si>
  <si>
    <t>296610</t>
  </si>
  <si>
    <t>TALAIGUA NUEVO</t>
  </si>
  <si>
    <t>3805</t>
  </si>
  <si>
    <t>31150</t>
  </si>
  <si>
    <t>40000</t>
  </si>
  <si>
    <t>PELAYA</t>
  </si>
  <si>
    <t>350106</t>
  </si>
  <si>
    <t>857</t>
  </si>
  <si>
    <t>1740</t>
  </si>
  <si>
    <t>PUEBLOVIEJO</t>
  </si>
  <si>
    <t>16500</t>
  </si>
  <si>
    <t>207</t>
  </si>
  <si>
    <t>1580</t>
  </si>
  <si>
    <t>1144</t>
  </si>
  <si>
    <t>2249</t>
  </si>
  <si>
    <t>607</t>
  </si>
  <si>
    <t>1482</t>
  </si>
  <si>
    <t>2111</t>
  </si>
  <si>
    <t>02/11/2011 12:00:00 AM</t>
  </si>
  <si>
    <t>479</t>
  </si>
  <si>
    <t>730</t>
  </si>
  <si>
    <t>HOTELES, RESIDENCIAS, Y SIMILARES.</t>
  </si>
  <si>
    <t>257</t>
  </si>
  <si>
    <t>3660</t>
  </si>
  <si>
    <t>1150</t>
  </si>
  <si>
    <t>576</t>
  </si>
  <si>
    <t>2666</t>
  </si>
  <si>
    <t>57763</t>
  </si>
  <si>
    <t>PAZ DE ARIPORO</t>
  </si>
  <si>
    <t>93800</t>
  </si>
  <si>
    <t>CALOTO</t>
  </si>
  <si>
    <t>124000</t>
  </si>
  <si>
    <t>683000</t>
  </si>
  <si>
    <t>2277</t>
  </si>
  <si>
    <t>15300</t>
  </si>
  <si>
    <t>30245</t>
  </si>
  <si>
    <t>QUETAME</t>
  </si>
  <si>
    <t>461</t>
  </si>
  <si>
    <t>CASTILLA LA NUEVA</t>
  </si>
  <si>
    <t>1369</t>
  </si>
  <si>
    <t>1102</t>
  </si>
  <si>
    <t>541</t>
  </si>
  <si>
    <t>NATAGAIMA</t>
  </si>
  <si>
    <t>1546</t>
  </si>
  <si>
    <t>936</t>
  </si>
  <si>
    <t>387</t>
  </si>
  <si>
    <t>2313</t>
  </si>
  <si>
    <t>SANTA ROSALÍA</t>
  </si>
  <si>
    <t>02/12/2011 12:00:00 AM</t>
  </si>
  <si>
    <t>4225</t>
  </si>
  <si>
    <t>4005</t>
  </si>
  <si>
    <t>MUELLE TURISTICO</t>
  </si>
  <si>
    <t>491470</t>
  </si>
  <si>
    <t>766</t>
  </si>
  <si>
    <t>6785</t>
  </si>
  <si>
    <t>YAGUARÁ</t>
  </si>
  <si>
    <t>1508</t>
  </si>
  <si>
    <t>2470</t>
  </si>
  <si>
    <t>273</t>
  </si>
  <si>
    <t>347</t>
  </si>
  <si>
    <t>433</t>
  </si>
  <si>
    <t>1123</t>
  </si>
  <si>
    <t>1194</t>
  </si>
  <si>
    <t>173100</t>
  </si>
  <si>
    <t>02/13/2011 12:00:00 AM</t>
  </si>
  <si>
    <t>10070</t>
  </si>
  <si>
    <t>EL BAGRE</t>
  </si>
  <si>
    <t>3356</t>
  </si>
  <si>
    <t>755</t>
  </si>
  <si>
    <t>404</t>
  </si>
  <si>
    <t>675000</t>
  </si>
  <si>
    <t>2460</t>
  </si>
  <si>
    <t>ACANDÍ</t>
  </si>
  <si>
    <t>3530</t>
  </si>
  <si>
    <t>33000</t>
  </si>
  <si>
    <t>55000</t>
  </si>
  <si>
    <t>462</t>
  </si>
  <si>
    <t>275</t>
  </si>
  <si>
    <t>TALLERES</t>
  </si>
  <si>
    <t>629</t>
  </si>
  <si>
    <t>02/14/2011 12:00:00 AM</t>
  </si>
  <si>
    <t>5822</t>
  </si>
  <si>
    <t>5500</t>
  </si>
  <si>
    <t>287</t>
  </si>
  <si>
    <t>TURBANÁ</t>
  </si>
  <si>
    <t>SAN JOSÉ DEL FRAGUA</t>
  </si>
  <si>
    <t>MANÍ</t>
  </si>
  <si>
    <t>127000</t>
  </si>
  <si>
    <t>PARATEBUENO</t>
  </si>
  <si>
    <t>SIMIJACA</t>
  </si>
  <si>
    <t>3640</t>
  </si>
  <si>
    <t>1880</t>
  </si>
  <si>
    <t>7890</t>
  </si>
  <si>
    <t>339</t>
  </si>
  <si>
    <t>24750</t>
  </si>
  <si>
    <t>1698</t>
  </si>
  <si>
    <t>331</t>
  </si>
  <si>
    <t>ARATOCA</t>
  </si>
  <si>
    <t>ORTEGA</t>
  </si>
  <si>
    <t>VALLE DE SAN JUAN</t>
  </si>
  <si>
    <t>HELADERIA</t>
  </si>
  <si>
    <t>623</t>
  </si>
  <si>
    <t>117006</t>
  </si>
  <si>
    <t>02/15/2011 12:00:00 AM</t>
  </si>
  <si>
    <t>8705</t>
  </si>
  <si>
    <t>96418</t>
  </si>
  <si>
    <t>342</t>
  </si>
  <si>
    <t>2044</t>
  </si>
  <si>
    <t>482</t>
  </si>
  <si>
    <t>62225</t>
  </si>
  <si>
    <t>2125</t>
  </si>
  <si>
    <t>JUNÍN</t>
  </si>
  <si>
    <t>191</t>
  </si>
  <si>
    <t>2490</t>
  </si>
  <si>
    <t>849</t>
  </si>
  <si>
    <t>303</t>
  </si>
  <si>
    <t>2230</t>
  </si>
  <si>
    <t>4380</t>
  </si>
  <si>
    <t>102370</t>
  </si>
  <si>
    <t>02/16/2011 12:00:00 AM</t>
  </si>
  <si>
    <t>632</t>
  </si>
  <si>
    <t>5210</t>
  </si>
  <si>
    <t>FRENTE A BANCO - VIA PUBLICA</t>
  </si>
  <si>
    <t>104400</t>
  </si>
  <si>
    <t>5305</t>
  </si>
  <si>
    <t>684</t>
  </si>
  <si>
    <t>17280</t>
  </si>
  <si>
    <t>1062</t>
  </si>
  <si>
    <t>SAN LUIS DE PALENQUE</t>
  </si>
  <si>
    <t>109277</t>
  </si>
  <si>
    <t>SILVIA</t>
  </si>
  <si>
    <t>3122</t>
  </si>
  <si>
    <t>2721</t>
  </si>
  <si>
    <t>1996</t>
  </si>
  <si>
    <t>144</t>
  </si>
  <si>
    <t>2040</t>
  </si>
  <si>
    <t>19500</t>
  </si>
  <si>
    <t>577</t>
  </si>
  <si>
    <t>645</t>
  </si>
  <si>
    <t>CHARALÁ</t>
  </si>
  <si>
    <t>454</t>
  </si>
  <si>
    <t>402000</t>
  </si>
  <si>
    <t>1020100</t>
  </si>
  <si>
    <t>6586</t>
  </si>
  <si>
    <t>02/17/2011 12:00:00 AM</t>
  </si>
  <si>
    <t>3620</t>
  </si>
  <si>
    <t>1577</t>
  </si>
  <si>
    <t>2925</t>
  </si>
  <si>
    <t>SAN BERNARDO</t>
  </si>
  <si>
    <t>5276</t>
  </si>
  <si>
    <t>781</t>
  </si>
  <si>
    <t>1615</t>
  </si>
  <si>
    <t>SANTIAGO</t>
  </si>
  <si>
    <t>5831</t>
  </si>
  <si>
    <t>2160</t>
  </si>
  <si>
    <t>65000</t>
  </si>
  <si>
    <t>15638</t>
  </si>
  <si>
    <t>15000</t>
  </si>
  <si>
    <t>ZAPATOCA</t>
  </si>
  <si>
    <t>1268</t>
  </si>
  <si>
    <t>3511</t>
  </si>
  <si>
    <t>02/18/2011 12:00:00 AM</t>
  </si>
  <si>
    <t>327</t>
  </si>
  <si>
    <t>1069</t>
  </si>
  <si>
    <t>1149</t>
  </si>
  <si>
    <t>813</t>
  </si>
  <si>
    <t>1155</t>
  </si>
  <si>
    <t>2333</t>
  </si>
  <si>
    <t>83000</t>
  </si>
  <si>
    <t>782</t>
  </si>
  <si>
    <t>20428</t>
  </si>
  <si>
    <t>734</t>
  </si>
  <si>
    <t>136000</t>
  </si>
  <si>
    <t>227</t>
  </si>
  <si>
    <t>TRINIDAD</t>
  </si>
  <si>
    <t>4943</t>
  </si>
  <si>
    <t>CONTADERO</t>
  </si>
  <si>
    <t>13500</t>
  </si>
  <si>
    <t>854</t>
  </si>
  <si>
    <t>334</t>
  </si>
  <si>
    <t>373</t>
  </si>
  <si>
    <t>1337</t>
  </si>
  <si>
    <t>10013</t>
  </si>
  <si>
    <t>1201</t>
  </si>
  <si>
    <t>02/19/2011 12:00:00 AM</t>
  </si>
  <si>
    <t>4730</t>
  </si>
  <si>
    <t>2715</t>
  </si>
  <si>
    <t>359</t>
  </si>
  <si>
    <t>596</t>
  </si>
  <si>
    <t>TIPACOQUE</t>
  </si>
  <si>
    <t>458</t>
  </si>
  <si>
    <t>19000</t>
  </si>
  <si>
    <t>1067</t>
  </si>
  <si>
    <t>1997</t>
  </si>
  <si>
    <t>SUPATÁ</t>
  </si>
  <si>
    <t>1295</t>
  </si>
  <si>
    <t>OPORAPA</t>
  </si>
  <si>
    <t>1103000</t>
  </si>
  <si>
    <t>6590</t>
  </si>
  <si>
    <t>1161</t>
  </si>
  <si>
    <t>02/20/2011 12:00:00 AM</t>
  </si>
  <si>
    <t>997</t>
  </si>
  <si>
    <t>386</t>
  </si>
  <si>
    <t>589</t>
  </si>
  <si>
    <t>5070</t>
  </si>
  <si>
    <t>13686</t>
  </si>
  <si>
    <t>1270</t>
  </si>
  <si>
    <t>3505</t>
  </si>
  <si>
    <t>ALTAMIRA</t>
  </si>
  <si>
    <t>11600</t>
  </si>
  <si>
    <t>12550</t>
  </si>
  <si>
    <t>2210</t>
  </si>
  <si>
    <t>PIEDRAS</t>
  </si>
  <si>
    <t>18400</t>
  </si>
  <si>
    <t>2911</t>
  </si>
  <si>
    <t>2955</t>
  </si>
  <si>
    <t>02/21/2011 12:00:00 AM</t>
  </si>
  <si>
    <t>426</t>
  </si>
  <si>
    <t>7125</t>
  </si>
  <si>
    <t>667</t>
  </si>
  <si>
    <t>1770</t>
  </si>
  <si>
    <t>8362</t>
  </si>
  <si>
    <t>1821</t>
  </si>
  <si>
    <t>53228</t>
  </si>
  <si>
    <t>487</t>
  </si>
  <si>
    <t>02/22/2011 12:00:00 AM</t>
  </si>
  <si>
    <t>2509</t>
  </si>
  <si>
    <t>948</t>
  </si>
  <si>
    <t>1120</t>
  </si>
  <si>
    <t>PORE</t>
  </si>
  <si>
    <t>2768</t>
  </si>
  <si>
    <t>24100</t>
  </si>
  <si>
    <t>SENDERO PEATONAL</t>
  </si>
  <si>
    <t>1938</t>
  </si>
  <si>
    <t>6723</t>
  </si>
  <si>
    <t>1954</t>
  </si>
  <si>
    <t>4234</t>
  </si>
  <si>
    <t>409000</t>
  </si>
  <si>
    <t>940000</t>
  </si>
  <si>
    <t>02/23/2011 12:00:00 AM</t>
  </si>
  <si>
    <t>5625000</t>
  </si>
  <si>
    <t>22500</t>
  </si>
  <si>
    <t>5628879</t>
  </si>
  <si>
    <t>1850</t>
  </si>
  <si>
    <t>LA JAGUA DE IBIRICO</t>
  </si>
  <si>
    <t>3351</t>
  </si>
  <si>
    <t>15345</t>
  </si>
  <si>
    <t>CUMARAL</t>
  </si>
  <si>
    <t>1200000</t>
  </si>
  <si>
    <t>1142</t>
  </si>
  <si>
    <t>503</t>
  </si>
  <si>
    <t>1045</t>
  </si>
  <si>
    <t>206834</t>
  </si>
  <si>
    <t>653</t>
  </si>
  <si>
    <t>02/24/2011 12:00:00 AM</t>
  </si>
  <si>
    <t>1052</t>
  </si>
  <si>
    <t>15814</t>
  </si>
  <si>
    <t>3800000</t>
  </si>
  <si>
    <t>413</t>
  </si>
  <si>
    <t>2531</t>
  </si>
  <si>
    <t>52200</t>
  </si>
  <si>
    <t>SAN JUAN DEL CESAR</t>
  </si>
  <si>
    <t>EL PIÑON</t>
  </si>
  <si>
    <t>SAN CARLOS DE GUAROA</t>
  </si>
  <si>
    <t>5120</t>
  </si>
  <si>
    <t>4880</t>
  </si>
  <si>
    <t>1170</t>
  </si>
  <si>
    <t>670</t>
  </si>
  <si>
    <t>2379</t>
  </si>
  <si>
    <t>429</t>
  </si>
  <si>
    <t>2450</t>
  </si>
  <si>
    <t>02/25/2011 12:00:00 AM</t>
  </si>
  <si>
    <t>190000</t>
  </si>
  <si>
    <t>4093</t>
  </si>
  <si>
    <t>2675</t>
  </si>
  <si>
    <t>1524</t>
  </si>
  <si>
    <t>MACANAL</t>
  </si>
  <si>
    <t>1328</t>
  </si>
  <si>
    <t>BAHÍA SOLANO</t>
  </si>
  <si>
    <t>333000</t>
  </si>
  <si>
    <t>1691</t>
  </si>
  <si>
    <t>TADÓ</t>
  </si>
  <si>
    <t>807</t>
  </si>
  <si>
    <t>7271</t>
  </si>
  <si>
    <t>NILO</t>
  </si>
  <si>
    <t>947</t>
  </si>
  <si>
    <t>501</t>
  </si>
  <si>
    <t>19062</t>
  </si>
  <si>
    <t>871</t>
  </si>
  <si>
    <t>22010</t>
  </si>
  <si>
    <t>3410</t>
  </si>
  <si>
    <t>8622</t>
  </si>
  <si>
    <t>1885</t>
  </si>
  <si>
    <t>511</t>
  </si>
  <si>
    <t>1450</t>
  </si>
  <si>
    <t>1729</t>
  </si>
  <si>
    <t>LOS SANTOS</t>
  </si>
  <si>
    <t>1485</t>
  </si>
  <si>
    <t>8545</t>
  </si>
  <si>
    <t>02/26/2011 12:00:00 AM</t>
  </si>
  <si>
    <t>202</t>
  </si>
  <si>
    <t>SUAN</t>
  </si>
  <si>
    <t>SAN FERNANDO</t>
  </si>
  <si>
    <t>CAMPOHERMOSO</t>
  </si>
  <si>
    <t>CAFETERIAS</t>
  </si>
  <si>
    <t>TAURAMENA</t>
  </si>
  <si>
    <t>434</t>
  </si>
  <si>
    <t>571</t>
  </si>
  <si>
    <t>971</t>
  </si>
  <si>
    <t>981</t>
  </si>
  <si>
    <t>PIJIÑO DEL CARMEN</t>
  </si>
  <si>
    <t>42921</t>
  </si>
  <si>
    <t>1800</t>
  </si>
  <si>
    <t>1791</t>
  </si>
  <si>
    <t>8000</t>
  </si>
  <si>
    <t>1544</t>
  </si>
  <si>
    <t>02/27/2011 12:00:00 AM</t>
  </si>
  <si>
    <t>836</t>
  </si>
  <si>
    <t>5870</t>
  </si>
  <si>
    <t>407796</t>
  </si>
  <si>
    <t>830</t>
  </si>
  <si>
    <t>51641</t>
  </si>
  <si>
    <t>TIERRALTA</t>
  </si>
  <si>
    <t>443</t>
  </si>
  <si>
    <t>12764</t>
  </si>
  <si>
    <t>MACHETA</t>
  </si>
  <si>
    <t>PANDI</t>
  </si>
  <si>
    <t>REMOLINO</t>
  </si>
  <si>
    <t>895</t>
  </si>
  <si>
    <t>363000</t>
  </si>
  <si>
    <t>1903</t>
  </si>
  <si>
    <t>02/28/2011 12:00:00 AM</t>
  </si>
  <si>
    <t>16920</t>
  </si>
  <si>
    <t>SAN EDUARDO</t>
  </si>
  <si>
    <t>551</t>
  </si>
  <si>
    <t>1234</t>
  </si>
  <si>
    <t>6896</t>
  </si>
  <si>
    <t>538</t>
  </si>
  <si>
    <t>2180</t>
  </si>
  <si>
    <t>1713</t>
  </si>
  <si>
    <t>904</t>
  </si>
  <si>
    <t>3929</t>
  </si>
  <si>
    <t>CABRERA</t>
  </si>
  <si>
    <t>CONJUNTO RESIDENCIAL</t>
  </si>
  <si>
    <t>CICLO RUTA</t>
  </si>
  <si>
    <t>677</t>
  </si>
  <si>
    <t>18685</t>
  </si>
  <si>
    <t>1720</t>
  </si>
  <si>
    <t>727</t>
  </si>
  <si>
    <t>5700</t>
  </si>
  <si>
    <t>40744</t>
  </si>
  <si>
    <t>03/01/2011 12:00:00 AM</t>
  </si>
  <si>
    <t>252</t>
  </si>
  <si>
    <t>357</t>
  </si>
  <si>
    <t>PALMAR DE VARELA</t>
  </si>
  <si>
    <t>4250</t>
  </si>
  <si>
    <t>SAN SEBASTIÁN</t>
  </si>
  <si>
    <t>2276</t>
  </si>
  <si>
    <t>800000</t>
  </si>
  <si>
    <t>30091</t>
  </si>
  <si>
    <t>28798</t>
  </si>
  <si>
    <t>4523</t>
  </si>
  <si>
    <t>358</t>
  </si>
  <si>
    <t>535</t>
  </si>
  <si>
    <t>336000</t>
  </si>
  <si>
    <t>03/02/2011 12:00:00 AM</t>
  </si>
  <si>
    <t>889</t>
  </si>
  <si>
    <t>765</t>
  </si>
  <si>
    <t>4590</t>
  </si>
  <si>
    <t>919</t>
  </si>
  <si>
    <t>648</t>
  </si>
  <si>
    <t>25430</t>
  </si>
  <si>
    <t>4059</t>
  </si>
  <si>
    <t>1780</t>
  </si>
  <si>
    <t>GUACHETÁ</t>
  </si>
  <si>
    <t>KINGSTON</t>
  </si>
  <si>
    <t>119002</t>
  </si>
  <si>
    <t>ALDANA</t>
  </si>
  <si>
    <t>CUASPUD</t>
  </si>
  <si>
    <t>EL CARMEN</t>
  </si>
  <si>
    <t>SAN CALIXTO</t>
  </si>
  <si>
    <t>31929</t>
  </si>
  <si>
    <t>8233</t>
  </si>
  <si>
    <t>234</t>
  </si>
  <si>
    <t>564</t>
  </si>
  <si>
    <t>1104</t>
  </si>
  <si>
    <t>1260</t>
  </si>
  <si>
    <t>492</t>
  </si>
  <si>
    <t>116000</t>
  </si>
  <si>
    <t>03/03/2011 12:00:00 AM</t>
  </si>
  <si>
    <t>316</t>
  </si>
  <si>
    <t>1178</t>
  </si>
  <si>
    <t>6687</t>
  </si>
  <si>
    <t>1517</t>
  </si>
  <si>
    <t>659</t>
  </si>
  <si>
    <t>PACHAVITA</t>
  </si>
  <si>
    <t>17000</t>
  </si>
  <si>
    <t>11748</t>
  </si>
  <si>
    <t>1874</t>
  </si>
  <si>
    <t>2825</t>
  </si>
  <si>
    <t>5132</t>
  </si>
  <si>
    <t>162180</t>
  </si>
  <si>
    <t>1530</t>
  </si>
  <si>
    <t>299</t>
  </si>
  <si>
    <t>2413</t>
  </si>
  <si>
    <t>612</t>
  </si>
  <si>
    <t>567000</t>
  </si>
  <si>
    <t>1718</t>
  </si>
  <si>
    <t>21900</t>
  </si>
  <si>
    <t>03/04/2011 12:00:00 AM</t>
  </si>
  <si>
    <t>1600</t>
  </si>
  <si>
    <t>950</t>
  </si>
  <si>
    <t>638</t>
  </si>
  <si>
    <t>26451</t>
  </si>
  <si>
    <t>5600</t>
  </si>
  <si>
    <t>50796</t>
  </si>
  <si>
    <t>PUERTO RICO</t>
  </si>
  <si>
    <t>467</t>
  </si>
  <si>
    <t>206000</t>
  </si>
  <si>
    <t>417</t>
  </si>
  <si>
    <t>7252</t>
  </si>
  <si>
    <t>468</t>
  </si>
  <si>
    <t>20076</t>
  </si>
  <si>
    <t>802</t>
  </si>
  <si>
    <t>1955</t>
  </si>
  <si>
    <t>2207</t>
  </si>
  <si>
    <t>603</t>
  </si>
  <si>
    <t>13101</t>
  </si>
  <si>
    <t>892</t>
  </si>
  <si>
    <t>03/05/2011 12:00:00 AM</t>
  </si>
  <si>
    <t>3810</t>
  </si>
  <si>
    <t>90500</t>
  </si>
  <si>
    <t>91000</t>
  </si>
  <si>
    <t>1440</t>
  </si>
  <si>
    <t>1438</t>
  </si>
  <si>
    <t>128358</t>
  </si>
  <si>
    <t>2316</t>
  </si>
  <si>
    <t>1453</t>
  </si>
  <si>
    <t>COLOMBIA</t>
  </si>
  <si>
    <t>HOBO</t>
  </si>
  <si>
    <t>SALADOBLANCO</t>
  </si>
  <si>
    <t>CUMBAL</t>
  </si>
  <si>
    <t>4687</t>
  </si>
  <si>
    <t>223000</t>
  </si>
  <si>
    <t>9816</t>
  </si>
  <si>
    <t>500076</t>
  </si>
  <si>
    <t>12650</t>
  </si>
  <si>
    <t>1355</t>
  </si>
  <si>
    <t>7712</t>
  </si>
  <si>
    <t>287000</t>
  </si>
  <si>
    <t>CALLEJÓN</t>
  </si>
  <si>
    <t>03/06/2011 12:00:00 AM</t>
  </si>
  <si>
    <t>5080</t>
  </si>
  <si>
    <t>SAN PEDRO DE URABÁ</t>
  </si>
  <si>
    <t>321</t>
  </si>
  <si>
    <t>CHIMÁ</t>
  </si>
  <si>
    <t>69245</t>
  </si>
  <si>
    <t>5470</t>
  </si>
  <si>
    <t>LA PALMA</t>
  </si>
  <si>
    <t>OLAYA HERRERA</t>
  </si>
  <si>
    <t>1013</t>
  </si>
  <si>
    <t>354</t>
  </si>
  <si>
    <t>SEDES SOCIALES, CLUBES O SIMILARES</t>
  </si>
  <si>
    <t>03/07/2011 12:00:00 AM</t>
  </si>
  <si>
    <t>15291</t>
  </si>
  <si>
    <t>1202</t>
  </si>
  <si>
    <t>3585</t>
  </si>
  <si>
    <t>4785</t>
  </si>
  <si>
    <t>873</t>
  </si>
  <si>
    <t>10450</t>
  </si>
  <si>
    <t>1812</t>
  </si>
  <si>
    <t>1119</t>
  </si>
  <si>
    <t>03/08/2011 12:00:00 AM</t>
  </si>
  <si>
    <t>26926</t>
  </si>
  <si>
    <t>4476</t>
  </si>
  <si>
    <t>97208</t>
  </si>
  <si>
    <t>49809</t>
  </si>
  <si>
    <t>5353</t>
  </si>
  <si>
    <t>QUEBRADANEGRA</t>
  </si>
  <si>
    <t>314</t>
  </si>
  <si>
    <t>9180</t>
  </si>
  <si>
    <t>568</t>
  </si>
  <si>
    <t>3987</t>
  </si>
  <si>
    <t>2384</t>
  </si>
  <si>
    <t>8650</t>
  </si>
  <si>
    <t>1835</t>
  </si>
  <si>
    <t>03/09/2011 12:00:00 AM</t>
  </si>
  <si>
    <t>4060</t>
  </si>
  <si>
    <t>381</t>
  </si>
  <si>
    <t>SOCHA</t>
  </si>
  <si>
    <t>579</t>
  </si>
  <si>
    <t>2179</t>
  </si>
  <si>
    <t>2293</t>
  </si>
  <si>
    <t>ABREGO</t>
  </si>
  <si>
    <t>200058</t>
  </si>
  <si>
    <t>5049</t>
  </si>
  <si>
    <t>GUAPOTÁ</t>
  </si>
  <si>
    <t>157203</t>
  </si>
  <si>
    <t>2645</t>
  </si>
  <si>
    <t>03/10/2011 12:00:00 AM</t>
  </si>
  <si>
    <t>1043</t>
  </si>
  <si>
    <t>2872</t>
  </si>
  <si>
    <t>890</t>
  </si>
  <si>
    <t>LA SIERRA</t>
  </si>
  <si>
    <t>10375</t>
  </si>
  <si>
    <t>GUTIÉRREZ</t>
  </si>
  <si>
    <t>1001</t>
  </si>
  <si>
    <t>2264</t>
  </si>
  <si>
    <t>7357</t>
  </si>
  <si>
    <t>272</t>
  </si>
  <si>
    <t>2208</t>
  </si>
  <si>
    <t>12551</t>
  </si>
  <si>
    <t>32200</t>
  </si>
  <si>
    <t>03/11/2011 12:00:00 AM</t>
  </si>
  <si>
    <t>431</t>
  </si>
  <si>
    <t>829</t>
  </si>
  <si>
    <t>2328</t>
  </si>
  <si>
    <t>3826</t>
  </si>
  <si>
    <t>1203</t>
  </si>
  <si>
    <t>132148</t>
  </si>
  <si>
    <t>112000</t>
  </si>
  <si>
    <t>128000</t>
  </si>
  <si>
    <t>2021</t>
  </si>
  <si>
    <t>1940</t>
  </si>
  <si>
    <t>16006</t>
  </si>
  <si>
    <t>RESTAURANTES</t>
  </si>
  <si>
    <t>1248</t>
  </si>
  <si>
    <t>5675</t>
  </si>
  <si>
    <t>9500</t>
  </si>
  <si>
    <t>18600</t>
  </si>
  <si>
    <t>6256</t>
  </si>
  <si>
    <t>504</t>
  </si>
  <si>
    <t>4180</t>
  </si>
  <si>
    <t>COROMORO</t>
  </si>
  <si>
    <t>MATANZA</t>
  </si>
  <si>
    <t>OCAMONTE</t>
  </si>
  <si>
    <t>PÁRAMO</t>
  </si>
  <si>
    <t>PINCHOTE</t>
  </si>
  <si>
    <t>SAN JOAQUÍN</t>
  </si>
  <si>
    <t>TONA</t>
  </si>
  <si>
    <t>1759</t>
  </si>
  <si>
    <t>456</t>
  </si>
  <si>
    <t>03/12/2011 12:00:00 AM</t>
  </si>
  <si>
    <t>706</t>
  </si>
  <si>
    <t>17740</t>
  </si>
  <si>
    <t>186</t>
  </si>
  <si>
    <t>1113</t>
  </si>
  <si>
    <t>1651</t>
  </si>
  <si>
    <t>592</t>
  </si>
  <si>
    <t>JERUSALÉN</t>
  </si>
  <si>
    <t>91120</t>
  </si>
  <si>
    <t>447</t>
  </si>
  <si>
    <t>602</t>
  </si>
  <si>
    <t>5100</t>
  </si>
  <si>
    <t>03/13/2011 12:00:00 AM</t>
  </si>
  <si>
    <t>2820</t>
  </si>
  <si>
    <t>642</t>
  </si>
  <si>
    <t>1662</t>
  </si>
  <si>
    <t>51000</t>
  </si>
  <si>
    <t>PUERTO LIBERTADOR</t>
  </si>
  <si>
    <t>1704</t>
  </si>
  <si>
    <t>1435</t>
  </si>
  <si>
    <t>URIBIA</t>
  </si>
  <si>
    <t>70000</t>
  </si>
  <si>
    <t>03/14/2011 12:00:00 AM</t>
  </si>
  <si>
    <t>180000</t>
  </si>
  <si>
    <t>69000</t>
  </si>
  <si>
    <t>34000</t>
  </si>
  <si>
    <t>1830</t>
  </si>
  <si>
    <t>SAMANÁ</t>
  </si>
  <si>
    <t>COTORRA</t>
  </si>
  <si>
    <t>3544</t>
  </si>
  <si>
    <t>PASCA</t>
  </si>
  <si>
    <t>SANTA ANA</t>
  </si>
  <si>
    <t>SAPUYES</t>
  </si>
  <si>
    <t>138956</t>
  </si>
  <si>
    <t>4700</t>
  </si>
  <si>
    <t>627</t>
  </si>
  <si>
    <t>1675</t>
  </si>
  <si>
    <t>8500</t>
  </si>
  <si>
    <t>1082</t>
  </si>
  <si>
    <t>03/15/2011 12:00:00 AM</t>
  </si>
  <si>
    <t>75000</t>
  </si>
  <si>
    <t>3180</t>
  </si>
  <si>
    <t>1000000</t>
  </si>
  <si>
    <t>760</t>
  </si>
  <si>
    <t>18307</t>
  </si>
  <si>
    <t>CALIFORNIA</t>
  </si>
  <si>
    <t>5450</t>
  </si>
  <si>
    <t>417000</t>
  </si>
  <si>
    <t>1585</t>
  </si>
  <si>
    <t>COGUA</t>
  </si>
  <si>
    <t>8612</t>
  </si>
  <si>
    <t>346</t>
  </si>
  <si>
    <t>INSTALACIONES JUDICIALES</t>
  </si>
  <si>
    <t>1933</t>
  </si>
  <si>
    <t>559</t>
  </si>
  <si>
    <t>ARMERO</t>
  </si>
  <si>
    <t>40714</t>
  </si>
  <si>
    <t>03/16/2011 12:00:00 AM</t>
  </si>
  <si>
    <t>CARACOLÍ</t>
  </si>
  <si>
    <t>2232</t>
  </si>
  <si>
    <t>26825</t>
  </si>
  <si>
    <t>103041</t>
  </si>
  <si>
    <t>2053</t>
  </si>
  <si>
    <t>105000</t>
  </si>
  <si>
    <t>110200</t>
  </si>
  <si>
    <t>29500</t>
  </si>
  <si>
    <t>97670</t>
  </si>
  <si>
    <t>1020</t>
  </si>
  <si>
    <t>3630</t>
  </si>
  <si>
    <t>SASAIMA</t>
  </si>
  <si>
    <t>1591</t>
  </si>
  <si>
    <t>58183</t>
  </si>
  <si>
    <t>PUPIALES</t>
  </si>
  <si>
    <t>484</t>
  </si>
  <si>
    <t>134775</t>
  </si>
  <si>
    <t>3100</t>
  </si>
  <si>
    <t>945</t>
  </si>
  <si>
    <t>407</t>
  </si>
  <si>
    <t>ENCISO</t>
  </si>
  <si>
    <t>MACARAVITA</t>
  </si>
  <si>
    <t>MOLAGAVITA</t>
  </si>
  <si>
    <t>SAN JOSÉ DE MIRANDA</t>
  </si>
  <si>
    <t>464</t>
  </si>
  <si>
    <t>574</t>
  </si>
  <si>
    <t>03/17/2011 12:00:00 AM</t>
  </si>
  <si>
    <t>1053</t>
  </si>
  <si>
    <t>1545</t>
  </si>
  <si>
    <t>5762</t>
  </si>
  <si>
    <t>USIACURÍ</t>
  </si>
  <si>
    <t>87913</t>
  </si>
  <si>
    <t>ROSAS</t>
  </si>
  <si>
    <t>459</t>
  </si>
  <si>
    <t>7570</t>
  </si>
  <si>
    <t>4150000</t>
  </si>
  <si>
    <t>976</t>
  </si>
  <si>
    <t>4042</t>
  </si>
  <si>
    <t>1003</t>
  </si>
  <si>
    <t>514</t>
  </si>
  <si>
    <t>969</t>
  </si>
  <si>
    <t>VILLA CARO</t>
  </si>
  <si>
    <t>2390</t>
  </si>
  <si>
    <t>2635</t>
  </si>
  <si>
    <t>689</t>
  </si>
  <si>
    <t>24000</t>
  </si>
  <si>
    <t>382</t>
  </si>
  <si>
    <t>03/18/2011 12:00:00 AM</t>
  </si>
  <si>
    <t>687</t>
  </si>
  <si>
    <t>1911</t>
  </si>
  <si>
    <t>448</t>
  </si>
  <si>
    <t>700000</t>
  </si>
  <si>
    <t>224</t>
  </si>
  <si>
    <t>4208</t>
  </si>
  <si>
    <t>19998</t>
  </si>
  <si>
    <t>6359</t>
  </si>
  <si>
    <t>NOCAIMA</t>
  </si>
  <si>
    <t>9600</t>
  </si>
  <si>
    <t>88000</t>
  </si>
  <si>
    <t>127800</t>
  </si>
  <si>
    <t>546</t>
  </si>
  <si>
    <t>10058</t>
  </si>
  <si>
    <t>437</t>
  </si>
  <si>
    <t>1214</t>
  </si>
  <si>
    <t>25970</t>
  </si>
  <si>
    <t>71256</t>
  </si>
  <si>
    <t>695</t>
  </si>
  <si>
    <t>952</t>
  </si>
  <si>
    <t>03/19/2011 12:00:00 AM</t>
  </si>
  <si>
    <t>12499</t>
  </si>
  <si>
    <t>9701</t>
  </si>
  <si>
    <t>2545</t>
  </si>
  <si>
    <t>365</t>
  </si>
  <si>
    <t>3316000</t>
  </si>
  <si>
    <t>TORIBIO</t>
  </si>
  <si>
    <t>1098660</t>
  </si>
  <si>
    <t>1961</t>
  </si>
  <si>
    <t>8690</t>
  </si>
  <si>
    <t>2985</t>
  </si>
  <si>
    <t>GUAMAL</t>
  </si>
  <si>
    <t>383</t>
  </si>
  <si>
    <t>3786</t>
  </si>
  <si>
    <t>618</t>
  </si>
  <si>
    <t>LINEA FERREA</t>
  </si>
  <si>
    <t>1500000</t>
  </si>
  <si>
    <t>03/20/2011 12:00:00 AM</t>
  </si>
  <si>
    <t>2558</t>
  </si>
  <si>
    <t>TIBASOSA</t>
  </si>
  <si>
    <t>2330</t>
  </si>
  <si>
    <t>ATRATO</t>
  </si>
  <si>
    <t>5128</t>
  </si>
  <si>
    <t>2130</t>
  </si>
  <si>
    <t>CASA EN CONJUNTO CERRADO</t>
  </si>
  <si>
    <t>3070</t>
  </si>
  <si>
    <t>2075</t>
  </si>
  <si>
    <t>6400</t>
  </si>
  <si>
    <t>1650</t>
  </si>
  <si>
    <t>03/21/2011 12:00:00 AM</t>
  </si>
  <si>
    <t>42463</t>
  </si>
  <si>
    <t>52420</t>
  </si>
  <si>
    <t>475</t>
  </si>
  <si>
    <t>2790</t>
  </si>
  <si>
    <t>VALENCIA</t>
  </si>
  <si>
    <t>16727</t>
  </si>
  <si>
    <t>622</t>
  </si>
  <si>
    <t>3613</t>
  </si>
  <si>
    <t>1156</t>
  </si>
  <si>
    <t>MUTISCUA</t>
  </si>
  <si>
    <t>901</t>
  </si>
  <si>
    <t>590</t>
  </si>
  <si>
    <t>4410</t>
  </si>
  <si>
    <t>03/22/2011 12:00:00 AM</t>
  </si>
  <si>
    <t>451</t>
  </si>
  <si>
    <t>825</t>
  </si>
  <si>
    <t>SOMONDOCO</t>
  </si>
  <si>
    <t>635</t>
  </si>
  <si>
    <t>2500000</t>
  </si>
  <si>
    <t>449</t>
  </si>
  <si>
    <t>2080</t>
  </si>
  <si>
    <t>826</t>
  </si>
  <si>
    <t>1126</t>
  </si>
  <si>
    <t>OIBA</t>
  </si>
  <si>
    <t>469</t>
  </si>
  <si>
    <t>2640</t>
  </si>
  <si>
    <t>6300</t>
  </si>
  <si>
    <t>03/23/2011 12:00:00 AM</t>
  </si>
  <si>
    <t>276120</t>
  </si>
  <si>
    <t>470</t>
  </si>
  <si>
    <t>2532</t>
  </si>
  <si>
    <t>52102</t>
  </si>
  <si>
    <t>55702</t>
  </si>
  <si>
    <t>3250</t>
  </si>
  <si>
    <t>2422</t>
  </si>
  <si>
    <t>466</t>
  </si>
  <si>
    <t>3480</t>
  </si>
  <si>
    <t>477</t>
  </si>
  <si>
    <t>2425</t>
  </si>
  <si>
    <t>4678</t>
  </si>
  <si>
    <t>SANTA BÁRBARA DE PINTO</t>
  </si>
  <si>
    <t>599</t>
  </si>
  <si>
    <t>1165</t>
  </si>
  <si>
    <t>1198</t>
  </si>
  <si>
    <t>03/24/2011 12:00:00 AM</t>
  </si>
  <si>
    <t>88730</t>
  </si>
  <si>
    <t>5135</t>
  </si>
  <si>
    <t>1280</t>
  </si>
  <si>
    <t>SUPERMERCADOS</t>
  </si>
  <si>
    <t>1610</t>
  </si>
  <si>
    <t>22561</t>
  </si>
  <si>
    <t>1428</t>
  </si>
  <si>
    <t>5752</t>
  </si>
  <si>
    <t>408</t>
  </si>
  <si>
    <t>697</t>
  </si>
  <si>
    <t>481</t>
  </si>
  <si>
    <t>54210</t>
  </si>
  <si>
    <t>294</t>
  </si>
  <si>
    <t>8380</t>
  </si>
  <si>
    <t>1016</t>
  </si>
  <si>
    <t>98960</t>
  </si>
  <si>
    <t>400000</t>
  </si>
  <si>
    <t>31750</t>
  </si>
  <si>
    <t>1085</t>
  </si>
  <si>
    <t>953</t>
  </si>
  <si>
    <t>RESGUARDO INDÍGENA</t>
  </si>
  <si>
    <t>03/25/2011 12:00:00 AM</t>
  </si>
  <si>
    <t>717</t>
  </si>
  <si>
    <t>1410</t>
  </si>
  <si>
    <t>690</t>
  </si>
  <si>
    <t>2132</t>
  </si>
  <si>
    <t>43000</t>
  </si>
  <si>
    <t>12721</t>
  </si>
  <si>
    <t>1118</t>
  </si>
  <si>
    <t>1558</t>
  </si>
  <si>
    <t>2887</t>
  </si>
  <si>
    <t>10810</t>
  </si>
  <si>
    <t>11643</t>
  </si>
  <si>
    <t>EL TARRA</t>
  </si>
  <si>
    <t>66000</t>
  </si>
  <si>
    <t>PALMITO</t>
  </si>
  <si>
    <t>5713</t>
  </si>
  <si>
    <t>1217</t>
  </si>
  <si>
    <t>6600</t>
  </si>
  <si>
    <t>03/26/2011 12:00:00 AM</t>
  </si>
  <si>
    <t>608</t>
  </si>
  <si>
    <t>702</t>
  </si>
  <si>
    <t>113090</t>
  </si>
  <si>
    <t>970</t>
  </si>
  <si>
    <t>EL PAUJIL</t>
  </si>
  <si>
    <t>663561</t>
  </si>
  <si>
    <t>372</t>
  </si>
  <si>
    <t>8082</t>
  </si>
  <si>
    <t>2247</t>
  </si>
  <si>
    <t>26560</t>
  </si>
  <si>
    <t>VIOTÁ</t>
  </si>
  <si>
    <t>44865</t>
  </si>
  <si>
    <t>47236</t>
  </si>
  <si>
    <t>575</t>
  </si>
  <si>
    <t>6272</t>
  </si>
  <si>
    <t>10355</t>
  </si>
  <si>
    <t>03/27/2011 12:00:00 AM</t>
  </si>
  <si>
    <t>17527</t>
  </si>
  <si>
    <t>14150</t>
  </si>
  <si>
    <t>AIPE</t>
  </si>
  <si>
    <t>741</t>
  </si>
  <si>
    <t>4510</t>
  </si>
  <si>
    <t>25130</t>
  </si>
  <si>
    <t>870</t>
  </si>
  <si>
    <t>03/28/2011 12:00:00 AM</t>
  </si>
  <si>
    <t>1072</t>
  </si>
  <si>
    <t>13436</t>
  </si>
  <si>
    <t>CLEMENCIA</t>
  </si>
  <si>
    <t>1905</t>
  </si>
  <si>
    <t>154000</t>
  </si>
  <si>
    <t>LA PEÑA</t>
  </si>
  <si>
    <t>3215</t>
  </si>
  <si>
    <t>688</t>
  </si>
  <si>
    <t>4835</t>
  </si>
  <si>
    <t>1552</t>
  </si>
  <si>
    <t>3158</t>
  </si>
  <si>
    <t>842</t>
  </si>
  <si>
    <t>03/29/2011 12:00:00 AM</t>
  </si>
  <si>
    <t>3090</t>
  </si>
  <si>
    <t>324000</t>
  </si>
  <si>
    <t>27000</t>
  </si>
  <si>
    <t>1617</t>
  </si>
  <si>
    <t>3155</t>
  </si>
  <si>
    <t>926</t>
  </si>
  <si>
    <t>1211</t>
  </si>
  <si>
    <t>478</t>
  </si>
  <si>
    <t>1392</t>
  </si>
  <si>
    <t>1263</t>
  </si>
  <si>
    <t>1192</t>
  </si>
  <si>
    <t>1077</t>
  </si>
  <si>
    <t>03/30/2011 12:00:00 AM</t>
  </si>
  <si>
    <t>1591180</t>
  </si>
  <si>
    <t>25608</t>
  </si>
  <si>
    <t>1384</t>
  </si>
  <si>
    <t>2310</t>
  </si>
  <si>
    <t>5622</t>
  </si>
  <si>
    <t>24250</t>
  </si>
  <si>
    <t>NUNCHÍA</t>
  </si>
  <si>
    <t>TÁMARA</t>
  </si>
  <si>
    <t>3210</t>
  </si>
  <si>
    <t>3166000</t>
  </si>
  <si>
    <t>992</t>
  </si>
  <si>
    <t>13725</t>
  </si>
  <si>
    <t>EL CHARCO</t>
  </si>
  <si>
    <t>1173</t>
  </si>
  <si>
    <t>872</t>
  </si>
  <si>
    <t>858</t>
  </si>
  <si>
    <t>361</t>
  </si>
  <si>
    <t>1822</t>
  </si>
  <si>
    <t>03/31/2011 12:00:00 AM</t>
  </si>
  <si>
    <t>527</t>
  </si>
  <si>
    <t>506</t>
  </si>
  <si>
    <t>1183</t>
  </si>
  <si>
    <t>4825</t>
  </si>
  <si>
    <t>52000</t>
  </si>
  <si>
    <t>555184</t>
  </si>
  <si>
    <t>2980</t>
  </si>
  <si>
    <t>17433</t>
  </si>
  <si>
    <t>2441</t>
  </si>
  <si>
    <t>1833</t>
  </si>
  <si>
    <t>29380</t>
  </si>
  <si>
    <t>4782</t>
  </si>
  <si>
    <t>LA TOLA</t>
  </si>
  <si>
    <t>6100</t>
  </si>
  <si>
    <t>30203</t>
  </si>
  <si>
    <t>615</t>
  </si>
  <si>
    <t>81835</t>
  </si>
  <si>
    <t>780</t>
  </si>
  <si>
    <t>45008</t>
  </si>
  <si>
    <t>26600</t>
  </si>
  <si>
    <t>961</t>
  </si>
  <si>
    <t>04/01/2011 12:00:00 AM</t>
  </si>
  <si>
    <t>4872</t>
  </si>
  <si>
    <t>3672</t>
  </si>
  <si>
    <t>713</t>
  </si>
  <si>
    <t>886</t>
  </si>
  <si>
    <t>16912</t>
  </si>
  <si>
    <t>2646</t>
  </si>
  <si>
    <t>4130</t>
  </si>
  <si>
    <t>HATO</t>
  </si>
  <si>
    <t>4145</t>
  </si>
  <si>
    <t>839</t>
  </si>
  <si>
    <t>04/02/2011 12:00:00 AM</t>
  </si>
  <si>
    <t>9051</t>
  </si>
  <si>
    <t>1432</t>
  </si>
  <si>
    <t>7233</t>
  </si>
  <si>
    <t>2360</t>
  </si>
  <si>
    <t>5380</t>
  </si>
  <si>
    <t>3662</t>
  </si>
  <si>
    <t>955</t>
  </si>
  <si>
    <t>500000</t>
  </si>
  <si>
    <t>3085</t>
  </si>
  <si>
    <t>388</t>
  </si>
  <si>
    <t>831</t>
  </si>
  <si>
    <t>785100</t>
  </si>
  <si>
    <t>617</t>
  </si>
  <si>
    <t>04/03/2011 12:00:00 AM</t>
  </si>
  <si>
    <t>6391</t>
  </si>
  <si>
    <t>2406</t>
  </si>
  <si>
    <t>1185</t>
  </si>
  <si>
    <t>LA GLORIA</t>
  </si>
  <si>
    <t>04/04/2011 12:00:00 AM</t>
  </si>
  <si>
    <t>4401</t>
  </si>
  <si>
    <t>CÓMBITA</t>
  </si>
  <si>
    <t>364</t>
  </si>
  <si>
    <t>3520</t>
  </si>
  <si>
    <t>FÚQUENE</t>
  </si>
  <si>
    <t>2368</t>
  </si>
  <si>
    <t>3195</t>
  </si>
  <si>
    <t>928</t>
  </si>
  <si>
    <t>7032</t>
  </si>
  <si>
    <t>04/05/2011 12:00:00 AM</t>
  </si>
  <si>
    <t>5167</t>
  </si>
  <si>
    <t>22560</t>
  </si>
  <si>
    <t>44640</t>
  </si>
  <si>
    <t>3247</t>
  </si>
  <si>
    <t>47638</t>
  </si>
  <si>
    <t>11215</t>
  </si>
  <si>
    <t>PAMPLONITA</t>
  </si>
  <si>
    <t>701</t>
  </si>
  <si>
    <t>1036</t>
  </si>
  <si>
    <t>EL DOVIO</t>
  </si>
  <si>
    <t>12030</t>
  </si>
  <si>
    <t>150000</t>
  </si>
  <si>
    <t>1172</t>
  </si>
  <si>
    <t>04/06/2011 12:00:00 AM</t>
  </si>
  <si>
    <t>3175</t>
  </si>
  <si>
    <t>EL PEÑÓN</t>
  </si>
  <si>
    <t>816</t>
  </si>
  <si>
    <t>3233</t>
  </si>
  <si>
    <t>6132</t>
  </si>
  <si>
    <t>VEHICULO</t>
  </si>
  <si>
    <t>6050</t>
  </si>
  <si>
    <t>543</t>
  </si>
  <si>
    <t>25020</t>
  </si>
  <si>
    <t>809</t>
  </si>
  <si>
    <t>837</t>
  </si>
  <si>
    <t>04/07/2011 12:00:00 AM</t>
  </si>
  <si>
    <t>17940</t>
  </si>
  <si>
    <t>2795</t>
  </si>
  <si>
    <t>2191</t>
  </si>
  <si>
    <t>52316</t>
  </si>
  <si>
    <t>GACHANTIVÁ</t>
  </si>
  <si>
    <t>621</t>
  </si>
  <si>
    <t>6698</t>
  </si>
  <si>
    <t>554</t>
  </si>
  <si>
    <t>6102</t>
  </si>
  <si>
    <t>1195300</t>
  </si>
  <si>
    <t>187500</t>
  </si>
  <si>
    <t>8755</t>
  </si>
  <si>
    <t>23317</t>
  </si>
  <si>
    <t>1441</t>
  </si>
  <si>
    <t>2025</t>
  </si>
  <si>
    <t>13005</t>
  </si>
  <si>
    <t>109874</t>
  </si>
  <si>
    <t>773000</t>
  </si>
  <si>
    <t>04/08/2011 12:00:00 AM</t>
  </si>
  <si>
    <t>24500</t>
  </si>
  <si>
    <t>859</t>
  </si>
  <si>
    <t>CAJIBÍO</t>
  </si>
  <si>
    <t>BANCOS</t>
  </si>
  <si>
    <t>761</t>
  </si>
  <si>
    <t>4742</t>
  </si>
  <si>
    <t>1995</t>
  </si>
  <si>
    <t>8021</t>
  </si>
  <si>
    <t>2078</t>
  </si>
  <si>
    <t>3800</t>
  </si>
  <si>
    <t>3548</t>
  </si>
  <si>
    <t>880</t>
  </si>
  <si>
    <t>806</t>
  </si>
  <si>
    <t>1965</t>
  </si>
  <si>
    <t>201000</t>
  </si>
  <si>
    <t>04/09/2011 12:00:00 AM</t>
  </si>
  <si>
    <t>1080</t>
  </si>
  <si>
    <t>6355</t>
  </si>
  <si>
    <t>TALLERES MECANICA</t>
  </si>
  <si>
    <t>745</t>
  </si>
  <si>
    <t>1476</t>
  </si>
  <si>
    <t>19335</t>
  </si>
  <si>
    <t>528</t>
  </si>
  <si>
    <t>536</t>
  </si>
  <si>
    <t>1034</t>
  </si>
  <si>
    <t>13952</t>
  </si>
  <si>
    <t>04/10/2011 12:00:00 AM</t>
  </si>
  <si>
    <t>676</t>
  </si>
  <si>
    <t>5131</t>
  </si>
  <si>
    <t>199</t>
  </si>
  <si>
    <t>963</t>
  </si>
  <si>
    <t>15281</t>
  </si>
  <si>
    <t>1414</t>
  </si>
  <si>
    <t>1773</t>
  </si>
  <si>
    <t>533</t>
  </si>
  <si>
    <t>4530</t>
  </si>
  <si>
    <t>5125</t>
  </si>
  <si>
    <t>818</t>
  </si>
  <si>
    <t>13470</t>
  </si>
  <si>
    <t>04/11/2011 12:00:00 AM</t>
  </si>
  <si>
    <t>1560</t>
  </si>
  <si>
    <t>491</t>
  </si>
  <si>
    <t>1670</t>
  </si>
  <si>
    <t>CAMPO DE LA CRUZ</t>
  </si>
  <si>
    <t>117352</t>
  </si>
  <si>
    <t>1373</t>
  </si>
  <si>
    <t>1625</t>
  </si>
  <si>
    <t>2135</t>
  </si>
  <si>
    <t>2953</t>
  </si>
  <si>
    <t>04/12/2011 12:00:00 AM</t>
  </si>
  <si>
    <t>29658</t>
  </si>
  <si>
    <t>2137</t>
  </si>
  <si>
    <t>5960</t>
  </si>
  <si>
    <t>15322</t>
  </si>
  <si>
    <t>PAIPA</t>
  </si>
  <si>
    <t>2499</t>
  </si>
  <si>
    <t>121634</t>
  </si>
  <si>
    <t>3446</t>
  </si>
  <si>
    <t>208735</t>
  </si>
  <si>
    <t>1374</t>
  </si>
  <si>
    <t>4895</t>
  </si>
  <si>
    <t>04/13/2011 12:00:00 AM</t>
  </si>
  <si>
    <t>1758</t>
  </si>
  <si>
    <t>18620</t>
  </si>
  <si>
    <t>56448</t>
  </si>
  <si>
    <t>HATILLO DE LOBA</t>
  </si>
  <si>
    <t>651</t>
  </si>
  <si>
    <t>4002</t>
  </si>
  <si>
    <t>1180</t>
  </si>
  <si>
    <t>6700</t>
  </si>
  <si>
    <t>3750000</t>
  </si>
  <si>
    <t>722</t>
  </si>
  <si>
    <t>2098</t>
  </si>
  <si>
    <t>9610</t>
  </si>
  <si>
    <t>650000</t>
  </si>
  <si>
    <t>POTOSÍ</t>
  </si>
  <si>
    <t>2603</t>
  </si>
  <si>
    <t>1637</t>
  </si>
  <si>
    <t>762170</t>
  </si>
  <si>
    <t>2234</t>
  </si>
  <si>
    <t>900000</t>
  </si>
  <si>
    <t>04/14/2011 12:00:00 AM</t>
  </si>
  <si>
    <t>786</t>
  </si>
  <si>
    <t>8465</t>
  </si>
  <si>
    <t>22544</t>
  </si>
  <si>
    <t>37587</t>
  </si>
  <si>
    <t>823</t>
  </si>
  <si>
    <t>2786</t>
  </si>
  <si>
    <t>TIBACUY</t>
  </si>
  <si>
    <t>6262</t>
  </si>
  <si>
    <t>209000</t>
  </si>
  <si>
    <t>1359</t>
  </si>
  <si>
    <t>2094</t>
  </si>
  <si>
    <t>906</t>
  </si>
  <si>
    <t>1056</t>
  </si>
  <si>
    <t>2334</t>
  </si>
  <si>
    <t>66350</t>
  </si>
  <si>
    <t>390200</t>
  </si>
  <si>
    <t>04/15/2011 12:00:00 AM</t>
  </si>
  <si>
    <t>6270</t>
  </si>
  <si>
    <t>1984</t>
  </si>
  <si>
    <t>1239</t>
  </si>
  <si>
    <t>RECETOR</t>
  </si>
  <si>
    <t>1840</t>
  </si>
  <si>
    <t>44500</t>
  </si>
  <si>
    <t>2990</t>
  </si>
  <si>
    <t>1601</t>
  </si>
  <si>
    <t>606</t>
  </si>
  <si>
    <t>122000</t>
  </si>
  <si>
    <t>821</t>
  </si>
  <si>
    <t>250000</t>
  </si>
  <si>
    <t>100020</t>
  </si>
  <si>
    <t>04/16/2011 12:00:00 AM</t>
  </si>
  <si>
    <t>1367</t>
  </si>
  <si>
    <t>210048</t>
  </si>
  <si>
    <t>SAN JACINTO</t>
  </si>
  <si>
    <t>NORCASIA</t>
  </si>
  <si>
    <t>4172</t>
  </si>
  <si>
    <t>3985</t>
  </si>
  <si>
    <t>444</t>
  </si>
  <si>
    <t>1394</t>
  </si>
  <si>
    <t>04/17/2011 12:00:00 AM</t>
  </si>
  <si>
    <t>1836</t>
  </si>
  <si>
    <t>1370</t>
  </si>
  <si>
    <t>512720</t>
  </si>
  <si>
    <t>2835</t>
  </si>
  <si>
    <t>BARRANCA DE UPÍA</t>
  </si>
  <si>
    <t>522</t>
  </si>
  <si>
    <t>04/18/2011 12:00:00 AM</t>
  </si>
  <si>
    <t>3325</t>
  </si>
  <si>
    <t>3884000</t>
  </si>
  <si>
    <t>MORELIA</t>
  </si>
  <si>
    <t>19094</t>
  </si>
  <si>
    <t>13355</t>
  </si>
  <si>
    <t>375800</t>
  </si>
  <si>
    <t>63000</t>
  </si>
  <si>
    <t>3145</t>
  </si>
  <si>
    <t>463</t>
  </si>
  <si>
    <t>712</t>
  </si>
  <si>
    <t>120020</t>
  </si>
  <si>
    <t>04/19/2011 12:00:00 AM</t>
  </si>
  <si>
    <t>1005</t>
  </si>
  <si>
    <t>SAN PELAYO</t>
  </si>
  <si>
    <t>8809</t>
  </si>
  <si>
    <t>2494</t>
  </si>
  <si>
    <t>64000</t>
  </si>
  <si>
    <t>COELLO</t>
  </si>
  <si>
    <t>569</t>
  </si>
  <si>
    <t>490000</t>
  </si>
  <si>
    <t>11090</t>
  </si>
  <si>
    <t>04/20/2011 12:00:00 AM</t>
  </si>
  <si>
    <t>9215</t>
  </si>
  <si>
    <t>8050</t>
  </si>
  <si>
    <t>1573</t>
  </si>
  <si>
    <t>1445</t>
  </si>
  <si>
    <t>1492</t>
  </si>
  <si>
    <t>1204</t>
  </si>
  <si>
    <t>510000</t>
  </si>
  <si>
    <t>61900</t>
  </si>
  <si>
    <t>2578</t>
  </si>
  <si>
    <t>FRENTE CENTRO COMERCIAL</t>
  </si>
  <si>
    <t>869</t>
  </si>
  <si>
    <t>11478</t>
  </si>
  <si>
    <t>166000</t>
  </si>
  <si>
    <t>04/21/2011 12:00:00 AM</t>
  </si>
  <si>
    <t>5240</t>
  </si>
  <si>
    <t>394</t>
  </si>
  <si>
    <t>1205</t>
  </si>
  <si>
    <t>752</t>
  </si>
  <si>
    <t>4100</t>
  </si>
  <si>
    <t>CHAMEZA</t>
  </si>
  <si>
    <t>1365</t>
  </si>
  <si>
    <t>785</t>
  </si>
  <si>
    <t>CONSULTORIOS  ODONTOLOGICOS</t>
  </si>
  <si>
    <t>04/22/2011 12:00:00 AM</t>
  </si>
  <si>
    <t>20564</t>
  </si>
  <si>
    <t>3063</t>
  </si>
  <si>
    <t>902</t>
  </si>
  <si>
    <t>1925</t>
  </si>
  <si>
    <t>2351</t>
  </si>
  <si>
    <t>2746</t>
  </si>
  <si>
    <t>CENTRO TURÍSTICO</t>
  </si>
  <si>
    <t>GALERAS</t>
  </si>
  <si>
    <t>04/23/2011 12:00:00 AM</t>
  </si>
  <si>
    <t>3088</t>
  </si>
  <si>
    <t>3804</t>
  </si>
  <si>
    <t>CASAS DE APUESTAS</t>
  </si>
  <si>
    <t>996</t>
  </si>
  <si>
    <t>2142</t>
  </si>
  <si>
    <t>ASTREA</t>
  </si>
  <si>
    <t>3515</t>
  </si>
  <si>
    <t>3039</t>
  </si>
  <si>
    <t>2973</t>
  </si>
  <si>
    <t>6628</t>
  </si>
  <si>
    <t>1042</t>
  </si>
  <si>
    <t>3729</t>
  </si>
  <si>
    <t>3132</t>
  </si>
  <si>
    <t>04/24/2011 12:00:00 AM</t>
  </si>
  <si>
    <t>LABORATORIO DE HEROINA</t>
  </si>
  <si>
    <t>588</t>
  </si>
  <si>
    <t>99281</t>
  </si>
  <si>
    <t>10328</t>
  </si>
  <si>
    <t>951</t>
  </si>
  <si>
    <t>04/25/2011 12:00:00 AM</t>
  </si>
  <si>
    <t>3035</t>
  </si>
  <si>
    <t>2501</t>
  </si>
  <si>
    <t>16125</t>
  </si>
  <si>
    <t>VELODROMO</t>
  </si>
  <si>
    <t>04/26/2011 12:00:00 AM</t>
  </si>
  <si>
    <t>657</t>
  </si>
  <si>
    <t>2885</t>
  </si>
  <si>
    <t>28500</t>
  </si>
  <si>
    <t>762</t>
  </si>
  <si>
    <t>1810</t>
  </si>
  <si>
    <t>39225</t>
  </si>
  <si>
    <t>15200</t>
  </si>
  <si>
    <t>10100</t>
  </si>
  <si>
    <t>3499</t>
  </si>
  <si>
    <t>3064</t>
  </si>
  <si>
    <t>1323</t>
  </si>
  <si>
    <t>2058</t>
  </si>
  <si>
    <t>1552000</t>
  </si>
  <si>
    <t>756</t>
  </si>
  <si>
    <t>827</t>
  </si>
  <si>
    <t>04/27/2011 12:00:00 AM</t>
  </si>
  <si>
    <t>2909</t>
  </si>
  <si>
    <t>2585</t>
  </si>
  <si>
    <t>637</t>
  </si>
  <si>
    <t>940</t>
  </si>
  <si>
    <t>3666</t>
  </si>
  <si>
    <t>1556</t>
  </si>
  <si>
    <t>3117</t>
  </si>
  <si>
    <t>PRADO</t>
  </si>
  <si>
    <t>1354</t>
  </si>
  <si>
    <t>1116</t>
  </si>
  <si>
    <t>3500000</t>
  </si>
  <si>
    <t>04/28/2011 12:00:00 AM</t>
  </si>
  <si>
    <t>SECTOR INDUSTRIA</t>
  </si>
  <si>
    <t>733</t>
  </si>
  <si>
    <t>40680</t>
  </si>
  <si>
    <t>838</t>
  </si>
  <si>
    <t>13764</t>
  </si>
  <si>
    <t>3796</t>
  </si>
  <si>
    <t>11355</t>
  </si>
  <si>
    <t>1891</t>
  </si>
  <si>
    <t>1705000</t>
  </si>
  <si>
    <t>545000</t>
  </si>
  <si>
    <t>2826</t>
  </si>
  <si>
    <t>631</t>
  </si>
  <si>
    <t>04/29/2011 12:00:00 AM</t>
  </si>
  <si>
    <t>817</t>
  </si>
  <si>
    <t>1931</t>
  </si>
  <si>
    <t>714200</t>
  </si>
  <si>
    <t>PUEBLO BELLO</t>
  </si>
  <si>
    <t>5103</t>
  </si>
  <si>
    <t>2511</t>
  </si>
  <si>
    <t>450000</t>
  </si>
  <si>
    <t>7254</t>
  </si>
  <si>
    <t>VILLARRICA</t>
  </si>
  <si>
    <t>171044</t>
  </si>
  <si>
    <t>04/30/2011 12:00:00 AM</t>
  </si>
  <si>
    <t>2915</t>
  </si>
  <si>
    <t>558</t>
  </si>
  <si>
    <t>4256</t>
  </si>
  <si>
    <t>2015</t>
  </si>
  <si>
    <t>527000</t>
  </si>
  <si>
    <t>2975</t>
  </si>
  <si>
    <t>152300</t>
  </si>
  <si>
    <t>3201</t>
  </si>
  <si>
    <t>NUEVA GRANADA</t>
  </si>
  <si>
    <t>93280</t>
  </si>
  <si>
    <t>7590</t>
  </si>
  <si>
    <t>1484</t>
  </si>
  <si>
    <t>1117</t>
  </si>
  <si>
    <t>3648</t>
  </si>
  <si>
    <t>1622</t>
  </si>
  <si>
    <t>1011</t>
  </si>
  <si>
    <t>679</t>
  </si>
  <si>
    <t>05/01/2011 12:00:00 AM</t>
  </si>
  <si>
    <t>1504</t>
  </si>
  <si>
    <t>554200</t>
  </si>
  <si>
    <t>3440</t>
  </si>
  <si>
    <t>350000</t>
  </si>
  <si>
    <t>05/02/2011 12:00:00 AM</t>
  </si>
  <si>
    <t>2680</t>
  </si>
  <si>
    <t>630</t>
  </si>
  <si>
    <t>303600</t>
  </si>
  <si>
    <t>3109</t>
  </si>
  <si>
    <t>3396</t>
  </si>
  <si>
    <t>26271</t>
  </si>
  <si>
    <t>779</t>
  </si>
  <si>
    <t>05/03/2011 12:00:00 AM</t>
  </si>
  <si>
    <t>498</t>
  </si>
  <si>
    <t>214735</t>
  </si>
  <si>
    <t>SUÁREZ</t>
  </si>
  <si>
    <t>113520</t>
  </si>
  <si>
    <t>587</t>
  </si>
  <si>
    <t>4336</t>
  </si>
  <si>
    <t>1134</t>
  </si>
  <si>
    <t>9759</t>
  </si>
  <si>
    <t>2775</t>
  </si>
  <si>
    <t>COLOSO</t>
  </si>
  <si>
    <t>191000</t>
  </si>
  <si>
    <t>8030</t>
  </si>
  <si>
    <t>05/04/2011 12:00:00 AM</t>
  </si>
  <si>
    <t>1360</t>
  </si>
  <si>
    <t>1169</t>
  </si>
  <si>
    <t>7347</t>
  </si>
  <si>
    <t>SOLANO</t>
  </si>
  <si>
    <t>1684</t>
  </si>
  <si>
    <t>3881</t>
  </si>
  <si>
    <t>672</t>
  </si>
  <si>
    <t>1004</t>
  </si>
  <si>
    <t>05/05/2011 12:00:00 AM</t>
  </si>
  <si>
    <t>2573</t>
  </si>
  <si>
    <t>4156</t>
  </si>
  <si>
    <t>1139</t>
  </si>
  <si>
    <t>1335</t>
  </si>
  <si>
    <t>408000</t>
  </si>
  <si>
    <t>956</t>
  </si>
  <si>
    <t>1076</t>
  </si>
  <si>
    <t>4151</t>
  </si>
  <si>
    <t>SUBACHOQUE</t>
  </si>
  <si>
    <t>1797</t>
  </si>
  <si>
    <t>LOURDES</t>
  </si>
  <si>
    <t>CASA DE LENOCINIO</t>
  </si>
  <si>
    <t>1140</t>
  </si>
  <si>
    <t>CHALÁN</t>
  </si>
  <si>
    <t>20044</t>
  </si>
  <si>
    <t>2147</t>
  </si>
  <si>
    <t>8115</t>
  </si>
  <si>
    <t>05/06/2011 12:00:00 AM</t>
  </si>
  <si>
    <t>110000</t>
  </si>
  <si>
    <t>2481</t>
  </si>
  <si>
    <t>418</t>
  </si>
  <si>
    <t>2477</t>
  </si>
  <si>
    <t>950000</t>
  </si>
  <si>
    <t>4028</t>
  </si>
  <si>
    <t>63770</t>
  </si>
  <si>
    <t>PULÍ</t>
  </si>
  <si>
    <t>4170</t>
  </si>
  <si>
    <t>917</t>
  </si>
  <si>
    <t>1826</t>
  </si>
  <si>
    <t>322</t>
  </si>
  <si>
    <t>6285</t>
  </si>
  <si>
    <t>32020</t>
  </si>
  <si>
    <t>1575</t>
  </si>
  <si>
    <t>28553</t>
  </si>
  <si>
    <t>05/07/2011 12:00:00 AM</t>
  </si>
  <si>
    <t>923</t>
  </si>
  <si>
    <t>2569</t>
  </si>
  <si>
    <t>10190</t>
  </si>
  <si>
    <t>BOAVITA</t>
  </si>
  <si>
    <t>2198</t>
  </si>
  <si>
    <t>257000</t>
  </si>
  <si>
    <t>726</t>
  </si>
  <si>
    <t>24950</t>
  </si>
  <si>
    <t>4771</t>
  </si>
  <si>
    <t>975</t>
  </si>
  <si>
    <t>3129</t>
  </si>
  <si>
    <t>3029000</t>
  </si>
  <si>
    <t>05/08/2011 12:00:00 AM</t>
  </si>
  <si>
    <t>729</t>
  </si>
  <si>
    <t>1668</t>
  </si>
  <si>
    <t>13258</t>
  </si>
  <si>
    <t>ALBANIA</t>
  </si>
  <si>
    <t>20702</t>
  </si>
  <si>
    <t>1728</t>
  </si>
  <si>
    <t>2030</t>
  </si>
  <si>
    <t>1480</t>
  </si>
  <si>
    <t>CARCASÍ</t>
  </si>
  <si>
    <t>GUACA</t>
  </si>
  <si>
    <t>SAN MIGUEL</t>
  </si>
  <si>
    <t>2035</t>
  </si>
  <si>
    <t>05/09/2011 12:00:00 AM</t>
  </si>
  <si>
    <t>VENTAQUEMADA</t>
  </si>
  <si>
    <t>595100</t>
  </si>
  <si>
    <t>2979</t>
  </si>
  <si>
    <t>AUDITORIOS</t>
  </si>
  <si>
    <t>88982</t>
  </si>
  <si>
    <t>911</t>
  </si>
  <si>
    <t>2202</t>
  </si>
  <si>
    <t>LABATECA</t>
  </si>
  <si>
    <t>GÜEPSA</t>
  </si>
  <si>
    <t>32000</t>
  </si>
  <si>
    <t>791</t>
  </si>
  <si>
    <t>05/10/2011 12:00:00 AM</t>
  </si>
  <si>
    <t>44149</t>
  </si>
  <si>
    <t>795</t>
  </si>
  <si>
    <t>2190</t>
  </si>
  <si>
    <t>1765</t>
  </si>
  <si>
    <t>4008</t>
  </si>
  <si>
    <t>870000</t>
  </si>
  <si>
    <t>120450</t>
  </si>
  <si>
    <t>25243</t>
  </si>
  <si>
    <t>664</t>
  </si>
  <si>
    <t>2631</t>
  </si>
  <si>
    <t>05/11/2011 12:00:00 AM</t>
  </si>
  <si>
    <t>178530</t>
  </si>
  <si>
    <t>CACHIPAY</t>
  </si>
  <si>
    <t>12017</t>
  </si>
  <si>
    <t>72890</t>
  </si>
  <si>
    <t>21700</t>
  </si>
  <si>
    <t>3273</t>
  </si>
  <si>
    <t>1264</t>
  </si>
  <si>
    <t>2155</t>
  </si>
  <si>
    <t>05/12/2011 12:00:00 AM</t>
  </si>
  <si>
    <t>15580</t>
  </si>
  <si>
    <t>2537</t>
  </si>
  <si>
    <t>1866</t>
  </si>
  <si>
    <t>1111</t>
  </si>
  <si>
    <t>2843</t>
  </si>
  <si>
    <t>218000</t>
  </si>
  <si>
    <t>480000</t>
  </si>
  <si>
    <t>8471</t>
  </si>
  <si>
    <t>3445</t>
  </si>
  <si>
    <t>1108</t>
  </si>
  <si>
    <t>3513793</t>
  </si>
  <si>
    <t>05/13/2011 12:00:00 AM</t>
  </si>
  <si>
    <t>2495</t>
  </si>
  <si>
    <t>1557</t>
  </si>
  <si>
    <t>915</t>
  </si>
  <si>
    <t>165000</t>
  </si>
  <si>
    <t>1919</t>
  </si>
  <si>
    <t>34041</t>
  </si>
  <si>
    <t>1496</t>
  </si>
  <si>
    <t>1452</t>
  </si>
  <si>
    <t>05/14/2011 12:00:00 AM</t>
  </si>
  <si>
    <t>935</t>
  </si>
  <si>
    <t>808</t>
  </si>
  <si>
    <t>2002500</t>
  </si>
  <si>
    <t>696</t>
  </si>
  <si>
    <t>1422</t>
  </si>
  <si>
    <t>10976</t>
  </si>
  <si>
    <t>683</t>
  </si>
  <si>
    <t>738</t>
  </si>
  <si>
    <t>72494</t>
  </si>
  <si>
    <t>539</t>
  </si>
  <si>
    <t>1371</t>
  </si>
  <si>
    <t>SANTA ISABEL</t>
  </si>
  <si>
    <t>05/15/2011 12:00:00 AM</t>
  </si>
  <si>
    <t>8100</t>
  </si>
  <si>
    <t>GÜICÁN</t>
  </si>
  <si>
    <t>297550</t>
  </si>
  <si>
    <t>790</t>
  </si>
  <si>
    <t>2433</t>
  </si>
  <si>
    <t>803</t>
  </si>
  <si>
    <t>1437000</t>
  </si>
  <si>
    <t>3291</t>
  </si>
  <si>
    <t>641</t>
  </si>
  <si>
    <t>TAUSA</t>
  </si>
  <si>
    <t>TIMANÁ</t>
  </si>
  <si>
    <t>90975</t>
  </si>
  <si>
    <t>58250</t>
  </si>
  <si>
    <t>05/16/2011 12:00:00 AM</t>
  </si>
  <si>
    <t>31207</t>
  </si>
  <si>
    <t>2072</t>
  </si>
  <si>
    <t>BELTRÁN</t>
  </si>
  <si>
    <t>INSTALACIONES DE FUERZA AREA</t>
  </si>
  <si>
    <t>3581</t>
  </si>
  <si>
    <t>10659</t>
  </si>
  <si>
    <t>05/17/2011 12:00:00 AM</t>
  </si>
  <si>
    <t>PONEDERA</t>
  </si>
  <si>
    <t>5115</t>
  </si>
  <si>
    <t>131131</t>
  </si>
  <si>
    <t>1157</t>
  </si>
  <si>
    <t>476</t>
  </si>
  <si>
    <t>1875</t>
  </si>
  <si>
    <t>05/18/2011 12:00:00 AM</t>
  </si>
  <si>
    <t>2395</t>
  </si>
  <si>
    <t>MONTECRISTO</t>
  </si>
  <si>
    <t>19476</t>
  </si>
  <si>
    <t>1197</t>
  </si>
  <si>
    <t>1820</t>
  </si>
  <si>
    <t>TRANSPORTE ESCOLAR</t>
  </si>
  <si>
    <t>4595</t>
  </si>
  <si>
    <t>936000</t>
  </si>
  <si>
    <t>62350</t>
  </si>
  <si>
    <t>789</t>
  </si>
  <si>
    <t>SALDAÑA</t>
  </si>
  <si>
    <t>1158</t>
  </si>
  <si>
    <t>486</t>
  </si>
  <si>
    <t>05/19/2011 12:00:00 AM</t>
  </si>
  <si>
    <t>389029</t>
  </si>
  <si>
    <t>10600</t>
  </si>
  <si>
    <t>2097</t>
  </si>
  <si>
    <t>ACHÍ</t>
  </si>
  <si>
    <t>80230</t>
  </si>
  <si>
    <t>2397</t>
  </si>
  <si>
    <t>55608</t>
  </si>
  <si>
    <t>32077</t>
  </si>
  <si>
    <t>26554</t>
  </si>
  <si>
    <t>SILOS</t>
  </si>
  <si>
    <t>748</t>
  </si>
  <si>
    <t>2170</t>
  </si>
  <si>
    <t>721</t>
  </si>
  <si>
    <t>2200000</t>
  </si>
  <si>
    <t>05/20/2011 12:00:00 AM</t>
  </si>
  <si>
    <t>3576</t>
  </si>
  <si>
    <t>7976</t>
  </si>
  <si>
    <t>43280</t>
  </si>
  <si>
    <t>1950</t>
  </si>
  <si>
    <t>2052</t>
  </si>
  <si>
    <t>9968</t>
  </si>
  <si>
    <t>DISTRACCIÓN</t>
  </si>
  <si>
    <t>1195</t>
  </si>
  <si>
    <t>19450</t>
  </si>
  <si>
    <t>INSTALACIONES DE ARMADA NACIONAL</t>
  </si>
  <si>
    <t>10180</t>
  </si>
  <si>
    <t>1078</t>
  </si>
  <si>
    <t>05/21/2011 12:00:00 AM</t>
  </si>
  <si>
    <t>1325</t>
  </si>
  <si>
    <t>28704</t>
  </si>
  <si>
    <t>794</t>
  </si>
  <si>
    <t>1814</t>
  </si>
  <si>
    <t>27415</t>
  </si>
  <si>
    <t>13025</t>
  </si>
  <si>
    <t>2285</t>
  </si>
  <si>
    <t>MIAMI</t>
  </si>
  <si>
    <t>6200</t>
  </si>
  <si>
    <t>SURATÁ</t>
  </si>
  <si>
    <t>PALOCABILDO</t>
  </si>
  <si>
    <t>3252</t>
  </si>
  <si>
    <t>05/22/2011 12:00:00 AM</t>
  </si>
  <si>
    <t>353</t>
  </si>
  <si>
    <t>2479</t>
  </si>
  <si>
    <t>1168</t>
  </si>
  <si>
    <t>2812</t>
  </si>
  <si>
    <t>UNGUÍA</t>
  </si>
  <si>
    <t>2828</t>
  </si>
  <si>
    <t>3048</t>
  </si>
  <si>
    <t>CONSULTORIOS JURIDICOS</t>
  </si>
  <si>
    <t>995</t>
  </si>
  <si>
    <t>MAR</t>
  </si>
  <si>
    <t>53172</t>
  </si>
  <si>
    <t>ENCINO</t>
  </si>
  <si>
    <t>05/23/2011 12:00:00 AM</t>
  </si>
  <si>
    <t>1025</t>
  </si>
  <si>
    <t>1570</t>
  </si>
  <si>
    <t>2898</t>
  </si>
  <si>
    <t>ISNOS</t>
  </si>
  <si>
    <t>42000</t>
  </si>
  <si>
    <t>2352</t>
  </si>
  <si>
    <t>1598</t>
  </si>
  <si>
    <t>1309</t>
  </si>
  <si>
    <t>874</t>
  </si>
  <si>
    <t>126000</t>
  </si>
  <si>
    <t>05/24/2011 12:00:00 AM</t>
  </si>
  <si>
    <t>2033</t>
  </si>
  <si>
    <t>CURILLO</t>
  </si>
  <si>
    <t>5401</t>
  </si>
  <si>
    <t>55197</t>
  </si>
  <si>
    <t>262000</t>
  </si>
  <si>
    <t>2167</t>
  </si>
  <si>
    <t>310000</t>
  </si>
  <si>
    <t>2050000</t>
  </si>
  <si>
    <t>1786</t>
  </si>
  <si>
    <t>3934</t>
  </si>
  <si>
    <t>1284</t>
  </si>
  <si>
    <t>1064</t>
  </si>
  <si>
    <t>55736</t>
  </si>
  <si>
    <t>4160</t>
  </si>
  <si>
    <t>05/25/2011 12:00:00 AM</t>
  </si>
  <si>
    <t>2067</t>
  </si>
  <si>
    <t>57784</t>
  </si>
  <si>
    <t>208000</t>
  </si>
  <si>
    <t>INZÁ</t>
  </si>
  <si>
    <t>4900</t>
  </si>
  <si>
    <t>809705</t>
  </si>
  <si>
    <t>48132</t>
  </si>
  <si>
    <t>11393</t>
  </si>
  <si>
    <t>FLORIÁN</t>
  </si>
  <si>
    <t>7850</t>
  </si>
  <si>
    <t>751</t>
  </si>
  <si>
    <t>2051</t>
  </si>
  <si>
    <t>4322</t>
  </si>
  <si>
    <t>05/26/2011 12:00:00 AM</t>
  </si>
  <si>
    <t>20270</t>
  </si>
  <si>
    <t>1385</t>
  </si>
  <si>
    <t>1970</t>
  </si>
  <si>
    <t>14365</t>
  </si>
  <si>
    <t>743</t>
  </si>
  <si>
    <t>6590000</t>
  </si>
  <si>
    <t>10999</t>
  </si>
  <si>
    <t>17500</t>
  </si>
  <si>
    <t>406000</t>
  </si>
  <si>
    <t>05/27/2011 12:00:00 AM</t>
  </si>
  <si>
    <t>595</t>
  </si>
  <si>
    <t>16345</t>
  </si>
  <si>
    <t>SANTA LUCÍA</t>
  </si>
  <si>
    <t>2923</t>
  </si>
  <si>
    <t>3974</t>
  </si>
  <si>
    <t>26503</t>
  </si>
  <si>
    <t>3413</t>
  </si>
  <si>
    <t>1523</t>
  </si>
  <si>
    <t>19808</t>
  </si>
  <si>
    <t>557</t>
  </si>
  <si>
    <t>1862</t>
  </si>
  <si>
    <t>277326</t>
  </si>
  <si>
    <t>05/28/2011 12:00:00 AM</t>
  </si>
  <si>
    <t>1640</t>
  </si>
  <si>
    <t>661</t>
  </si>
  <si>
    <t>63740</t>
  </si>
  <si>
    <t>691</t>
  </si>
  <si>
    <t>TERMINAL MARITIMA</t>
  </si>
  <si>
    <t>5044</t>
  </si>
  <si>
    <t>990</t>
  </si>
  <si>
    <t>1037</t>
  </si>
  <si>
    <t>547</t>
  </si>
  <si>
    <t>5345</t>
  </si>
  <si>
    <t>946</t>
  </si>
  <si>
    <t>200068</t>
  </si>
  <si>
    <t>61000</t>
  </si>
  <si>
    <t>409</t>
  </si>
  <si>
    <t>47000</t>
  </si>
  <si>
    <t>05/29/2011 12:00:00 AM</t>
  </si>
  <si>
    <t>796</t>
  </si>
  <si>
    <t>05/30/2011 12:00:00 AM</t>
  </si>
  <si>
    <t>628</t>
  </si>
  <si>
    <t>7010</t>
  </si>
  <si>
    <t>05/31/2011 12:00:00 AM</t>
  </si>
  <si>
    <t>4692</t>
  </si>
  <si>
    <t>759</t>
  </si>
  <si>
    <t>3203</t>
  </si>
  <si>
    <t>1107</t>
  </si>
  <si>
    <t>5260</t>
  </si>
  <si>
    <t>CUNDAY</t>
  </si>
  <si>
    <t>298</t>
  </si>
  <si>
    <t>742</t>
  </si>
  <si>
    <t>06/01/2011 12:00:00 AM</t>
  </si>
  <si>
    <t>2212</t>
  </si>
  <si>
    <t>5118</t>
  </si>
  <si>
    <t>HATONUEVO</t>
  </si>
  <si>
    <t>3581000</t>
  </si>
  <si>
    <t>3573</t>
  </si>
  <si>
    <t>LANDÁZURI</t>
  </si>
  <si>
    <t>06/02/2011 12:00:00 AM</t>
  </si>
  <si>
    <t>POLONUEVO</t>
  </si>
  <si>
    <t>2480</t>
  </si>
  <si>
    <t>2343</t>
  </si>
  <si>
    <t>1503</t>
  </si>
  <si>
    <t>225000</t>
  </si>
  <si>
    <t>3218</t>
  </si>
  <si>
    <t>1238</t>
  </si>
  <si>
    <t>4053</t>
  </si>
  <si>
    <t>06/03/2011 12:00:00 AM</t>
  </si>
  <si>
    <t>681</t>
  </si>
  <si>
    <t>416000</t>
  </si>
  <si>
    <t>5400</t>
  </si>
  <si>
    <t>24545</t>
  </si>
  <si>
    <t>516</t>
  </si>
  <si>
    <t>1755</t>
  </si>
  <si>
    <t>3687</t>
  </si>
  <si>
    <t>TOPAIPÍ</t>
  </si>
  <si>
    <t>53600</t>
  </si>
  <si>
    <t>8555</t>
  </si>
  <si>
    <t>2318</t>
  </si>
  <si>
    <t>1314</t>
  </si>
  <si>
    <t>06/04/2011 12:00:00 AM</t>
  </si>
  <si>
    <t>974</t>
  </si>
  <si>
    <t>EL GUAMO</t>
  </si>
  <si>
    <t>1245</t>
  </si>
  <si>
    <t>14000000</t>
  </si>
  <si>
    <t>3816</t>
  </si>
  <si>
    <t>14850</t>
  </si>
  <si>
    <t>73000</t>
  </si>
  <si>
    <t>06/05/2011 12:00:00 AM</t>
  </si>
  <si>
    <t>441</t>
  </si>
  <si>
    <t>4800</t>
  </si>
  <si>
    <t>JURADÓ</t>
  </si>
  <si>
    <t>1923</t>
  </si>
  <si>
    <t>70450</t>
  </si>
  <si>
    <t>1358</t>
  </si>
  <si>
    <t>954</t>
  </si>
  <si>
    <t>1805</t>
  </si>
  <si>
    <t>15620</t>
  </si>
  <si>
    <t>06/06/2011 12:00:00 AM</t>
  </si>
  <si>
    <t>2238</t>
  </si>
  <si>
    <t>494000</t>
  </si>
  <si>
    <t>1031</t>
  </si>
  <si>
    <t>11673</t>
  </si>
  <si>
    <t>1572</t>
  </si>
  <si>
    <t>330000</t>
  </si>
  <si>
    <t>3081</t>
  </si>
  <si>
    <t>176540</t>
  </si>
  <si>
    <t>06/07/2011 12:00:00 AM</t>
  </si>
  <si>
    <t>2124</t>
  </si>
  <si>
    <t>753</t>
  </si>
  <si>
    <t>06/08/2011 12:00:00 AM</t>
  </si>
  <si>
    <t>160000</t>
  </si>
  <si>
    <t>2081</t>
  </si>
  <si>
    <t>1009</t>
  </si>
  <si>
    <t>1571</t>
  </si>
  <si>
    <t>129527</t>
  </si>
  <si>
    <t>5096</t>
  </si>
  <si>
    <t>59095</t>
  </si>
  <si>
    <t>169000</t>
  </si>
  <si>
    <t>115762</t>
  </si>
  <si>
    <t>215500</t>
  </si>
  <si>
    <t>7642</t>
  </si>
  <si>
    <t>06/09/2011 12:00:00 AM</t>
  </si>
  <si>
    <t>233750</t>
  </si>
  <si>
    <t>1019</t>
  </si>
  <si>
    <t>1735</t>
  </si>
  <si>
    <t>13400</t>
  </si>
  <si>
    <t>1291</t>
  </si>
  <si>
    <t>4706</t>
  </si>
  <si>
    <t>29246</t>
  </si>
  <si>
    <t>2810</t>
  </si>
  <si>
    <t>5760</t>
  </si>
  <si>
    <t>2874</t>
  </si>
  <si>
    <t>96600</t>
  </si>
  <si>
    <t>5750</t>
  </si>
  <si>
    <t>06/10/2011 12:00:00 AM</t>
  </si>
  <si>
    <t>26300</t>
  </si>
  <si>
    <t>MONTALLANTAS</t>
  </si>
  <si>
    <t>LA UVITA</t>
  </si>
  <si>
    <t>179244</t>
  </si>
  <si>
    <t>1236</t>
  </si>
  <si>
    <t>6548</t>
  </si>
  <si>
    <t>854000</t>
  </si>
  <si>
    <t>21160</t>
  </si>
  <si>
    <t>2020</t>
  </si>
  <si>
    <t>8554</t>
  </si>
  <si>
    <t>584</t>
  </si>
  <si>
    <t>1028</t>
  </si>
  <si>
    <t>3028</t>
  </si>
  <si>
    <t>2355</t>
  </si>
  <si>
    <t>06/11/2011 12:00:00 AM</t>
  </si>
  <si>
    <t>34176</t>
  </si>
  <si>
    <t>35498</t>
  </si>
  <si>
    <t>GUATEQUE</t>
  </si>
  <si>
    <t>1132</t>
  </si>
  <si>
    <t>2808</t>
  </si>
  <si>
    <t>SUTATAUSA</t>
  </si>
  <si>
    <t>GUALMATÁN</t>
  </si>
  <si>
    <t>261400</t>
  </si>
  <si>
    <t>1329</t>
  </si>
  <si>
    <t>1543000</t>
  </si>
  <si>
    <t>06/12/2011 12:00:00 AM</t>
  </si>
  <si>
    <t>8987</t>
  </si>
  <si>
    <t>21500</t>
  </si>
  <si>
    <t>1121</t>
  </si>
  <si>
    <t>529</t>
  </si>
  <si>
    <t>26350</t>
  </si>
  <si>
    <t>123000</t>
  </si>
  <si>
    <t>5165</t>
  </si>
  <si>
    <t>2146</t>
  </si>
  <si>
    <t>06/13/2011 12:00:00 AM</t>
  </si>
  <si>
    <t>5192</t>
  </si>
  <si>
    <t>20150</t>
  </si>
  <si>
    <t>MOMIL</t>
  </si>
  <si>
    <t>639</t>
  </si>
  <si>
    <t>2140</t>
  </si>
  <si>
    <t>6375</t>
  </si>
  <si>
    <t>406</t>
  </si>
  <si>
    <t>06/14/2011 12:00:00 AM</t>
  </si>
  <si>
    <t>1048</t>
  </si>
  <si>
    <t>853</t>
  </si>
  <si>
    <t>2469</t>
  </si>
  <si>
    <t>668</t>
  </si>
  <si>
    <t>10700</t>
  </si>
  <si>
    <t>30140</t>
  </si>
  <si>
    <t>991</t>
  </si>
  <si>
    <t>16230</t>
  </si>
  <si>
    <t>06/15/2011 12:00:00 AM</t>
  </si>
  <si>
    <t>4095</t>
  </si>
  <si>
    <t>ISLA</t>
  </si>
  <si>
    <t>1460</t>
  </si>
  <si>
    <t>9545</t>
  </si>
  <si>
    <t>06/16/2011 12:00:00 AM</t>
  </si>
  <si>
    <t>3340</t>
  </si>
  <si>
    <t>518</t>
  </si>
  <si>
    <t>1216</t>
  </si>
  <si>
    <t>5964</t>
  </si>
  <si>
    <t>6540</t>
  </si>
  <si>
    <t>2550</t>
  </si>
  <si>
    <t>3220</t>
  </si>
  <si>
    <t>CERRITO</t>
  </si>
  <si>
    <t>4424</t>
  </si>
  <si>
    <t>1935</t>
  </si>
  <si>
    <t>06/17/2011 12:00:00 AM</t>
  </si>
  <si>
    <t>3206</t>
  </si>
  <si>
    <t>988</t>
  </si>
  <si>
    <t>4216</t>
  </si>
  <si>
    <t>1376</t>
  </si>
  <si>
    <t>441163</t>
  </si>
  <si>
    <t>4102</t>
  </si>
  <si>
    <t>06/18/2011 12:00:00 AM</t>
  </si>
  <si>
    <t>968</t>
  </si>
  <si>
    <t>SALON JUEGO DIVERSION</t>
  </si>
  <si>
    <t>3494</t>
  </si>
  <si>
    <t>127066</t>
  </si>
  <si>
    <t>2933</t>
  </si>
  <si>
    <t>27100</t>
  </si>
  <si>
    <t>3906</t>
  </si>
  <si>
    <t>2541</t>
  </si>
  <si>
    <t>793</t>
  </si>
  <si>
    <t>2489</t>
  </si>
  <si>
    <t>6330</t>
  </si>
  <si>
    <t>353000</t>
  </si>
  <si>
    <t>06/19/2011 12:00:00 AM</t>
  </si>
  <si>
    <t>908000</t>
  </si>
  <si>
    <t>1695</t>
  </si>
  <si>
    <t>16100</t>
  </si>
  <si>
    <t>1495</t>
  </si>
  <si>
    <t>06/20/2011 12:00:00 AM</t>
  </si>
  <si>
    <t>237000</t>
  </si>
  <si>
    <t>1497</t>
  </si>
  <si>
    <t>AGRADO</t>
  </si>
  <si>
    <t>1159</t>
  </si>
  <si>
    <t>12443</t>
  </si>
  <si>
    <t>4328</t>
  </si>
  <si>
    <t>06/21/2011 12:00:00 AM</t>
  </si>
  <si>
    <t>46752</t>
  </si>
  <si>
    <t>905</t>
  </si>
  <si>
    <t>47650</t>
  </si>
  <si>
    <t>59576</t>
  </si>
  <si>
    <t>549600</t>
  </si>
  <si>
    <t>43460</t>
  </si>
  <si>
    <t>06/22/2011 12:00:00 AM</t>
  </si>
  <si>
    <t>2690</t>
  </si>
  <si>
    <t>22205</t>
  </si>
  <si>
    <t>964</t>
  </si>
  <si>
    <t>1286800</t>
  </si>
  <si>
    <t>4252</t>
  </si>
  <si>
    <t>4193</t>
  </si>
  <si>
    <t>1246</t>
  </si>
  <si>
    <t>2600</t>
  </si>
  <si>
    <t>06/23/2011 12:00:00 AM</t>
  </si>
  <si>
    <t>132000</t>
  </si>
  <si>
    <t>1980</t>
  </si>
  <si>
    <t>175284</t>
  </si>
  <si>
    <t>4803</t>
  </si>
  <si>
    <t>SALAZAR</t>
  </si>
  <si>
    <t>593</t>
  </si>
  <si>
    <t>370000</t>
  </si>
  <si>
    <t>1789</t>
  </si>
  <si>
    <t>4194</t>
  </si>
  <si>
    <t>06/24/2011 12:00:00 AM</t>
  </si>
  <si>
    <t>329</t>
  </si>
  <si>
    <t>3426</t>
  </si>
  <si>
    <t>3205</t>
  </si>
  <si>
    <t>22030</t>
  </si>
  <si>
    <t>9675</t>
  </si>
  <si>
    <t>967</t>
  </si>
  <si>
    <t>1512</t>
  </si>
  <si>
    <t>14236</t>
  </si>
  <si>
    <t>06/25/2011 12:00:00 AM</t>
  </si>
  <si>
    <t>2100</t>
  </si>
  <si>
    <t>440000</t>
  </si>
  <si>
    <t>1254860</t>
  </si>
  <si>
    <t>424</t>
  </si>
  <si>
    <t>6427</t>
  </si>
  <si>
    <t>60036</t>
  </si>
  <si>
    <t>20317</t>
  </si>
  <si>
    <t>18473</t>
  </si>
  <si>
    <t>06/26/2011 12:00:00 AM</t>
  </si>
  <si>
    <t>591</t>
  </si>
  <si>
    <t>924088</t>
  </si>
  <si>
    <t>1456</t>
  </si>
  <si>
    <t>6018</t>
  </si>
  <si>
    <t>2404</t>
  </si>
  <si>
    <t>621300</t>
  </si>
  <si>
    <t>324600</t>
  </si>
  <si>
    <t>1741</t>
  </si>
  <si>
    <t>3394</t>
  </si>
  <si>
    <t>82420</t>
  </si>
  <si>
    <t>06/27/2011 12:00:00 AM</t>
  </si>
  <si>
    <t>2410</t>
  </si>
  <si>
    <t>4827</t>
  </si>
  <si>
    <t>2834</t>
  </si>
  <si>
    <t>1616</t>
  </si>
  <si>
    <t>06/28/2011 12:00:00 AM</t>
  </si>
  <si>
    <t>815</t>
  </si>
  <si>
    <t>1921</t>
  </si>
  <si>
    <t>4750</t>
  </si>
  <si>
    <t>419</t>
  </si>
  <si>
    <t>6858</t>
  </si>
  <si>
    <t>10428</t>
  </si>
  <si>
    <t>06/29/2011 12:00:00 AM</t>
  </si>
  <si>
    <t>2177</t>
  </si>
  <si>
    <t>736</t>
  </si>
  <si>
    <t>2932</t>
  </si>
  <si>
    <t>RIOBLANCO</t>
  </si>
  <si>
    <t>1294</t>
  </si>
  <si>
    <t>06/30/2011 12:00:00 AM</t>
  </si>
  <si>
    <t>1357</t>
  </si>
  <si>
    <t>PURACÉ</t>
  </si>
  <si>
    <t>5925</t>
  </si>
  <si>
    <t>1732</t>
  </si>
  <si>
    <t>1232</t>
  </si>
  <si>
    <t>1255</t>
  </si>
  <si>
    <t>30800</t>
  </si>
  <si>
    <t>07/01/2011 12:00:00 AM</t>
  </si>
  <si>
    <t>40435</t>
  </si>
  <si>
    <t>1941</t>
  </si>
  <si>
    <t>1324</t>
  </si>
  <si>
    <t>22620</t>
  </si>
  <si>
    <t>978</t>
  </si>
  <si>
    <t>SAN JOSÉ DE PARE</t>
  </si>
  <si>
    <t>NUQUÍ</t>
  </si>
  <si>
    <t>708</t>
  </si>
  <si>
    <t>2418</t>
  </si>
  <si>
    <t>68008</t>
  </si>
  <si>
    <t>SUAITA</t>
  </si>
  <si>
    <t>1073</t>
  </si>
  <si>
    <t>07/02/2011 12:00:00 AM</t>
  </si>
  <si>
    <t>10189</t>
  </si>
  <si>
    <t>19070</t>
  </si>
  <si>
    <t>GONZÁLEZ</t>
  </si>
  <si>
    <t>1692</t>
  </si>
  <si>
    <t>1920</t>
  </si>
  <si>
    <t>7849</t>
  </si>
  <si>
    <t>48600</t>
  </si>
  <si>
    <t>07/03/2011 12:00:00 AM</t>
  </si>
  <si>
    <t>399</t>
  </si>
  <si>
    <t>PAJARITO</t>
  </si>
  <si>
    <t>1282</t>
  </si>
  <si>
    <t>432</t>
  </si>
  <si>
    <t>820000</t>
  </si>
  <si>
    <t>07/04/2011 12:00:00 AM</t>
  </si>
  <si>
    <t>67728</t>
  </si>
  <si>
    <t>998</t>
  </si>
  <si>
    <t>3001</t>
  </si>
  <si>
    <t>SALON COMUNAL</t>
  </si>
  <si>
    <t>1869</t>
  </si>
  <si>
    <t>07/05/2011 12:00:00 AM</t>
  </si>
  <si>
    <t>1646</t>
  </si>
  <si>
    <t>925</t>
  </si>
  <si>
    <t>1627</t>
  </si>
  <si>
    <t>944</t>
  </si>
  <si>
    <t>1564</t>
  </si>
  <si>
    <t>4571</t>
  </si>
  <si>
    <t>31800</t>
  </si>
  <si>
    <t>LA PRIMAVERA</t>
  </si>
  <si>
    <t>07/06/2011 12:00:00 AM</t>
  </si>
  <si>
    <t>APARTAMENTO EN CONJUNTO CERRADO</t>
  </si>
  <si>
    <t>BAHIA</t>
  </si>
  <si>
    <t>49099</t>
  </si>
  <si>
    <t>13802</t>
  </si>
  <si>
    <t>10230</t>
  </si>
  <si>
    <t>12805</t>
  </si>
  <si>
    <t>07/07/2011 12:00:00 AM</t>
  </si>
  <si>
    <t>6255</t>
  </si>
  <si>
    <t>1285</t>
  </si>
  <si>
    <t>45680</t>
  </si>
  <si>
    <t>1771</t>
  </si>
  <si>
    <t>3484</t>
  </si>
  <si>
    <t>50800</t>
  </si>
  <si>
    <t>2977</t>
  </si>
  <si>
    <t>298000</t>
  </si>
  <si>
    <t>07/08/2011 12:00:00 AM</t>
  </si>
  <si>
    <t>3994</t>
  </si>
  <si>
    <t>40285</t>
  </si>
  <si>
    <t>3536</t>
  </si>
  <si>
    <t>100300</t>
  </si>
  <si>
    <t>1420</t>
  </si>
  <si>
    <t>773</t>
  </si>
  <si>
    <t>148700</t>
  </si>
  <si>
    <t>25026</t>
  </si>
  <si>
    <t>12148</t>
  </si>
  <si>
    <t>673</t>
  </si>
  <si>
    <t>1907</t>
  </si>
  <si>
    <t>685</t>
  </si>
  <si>
    <t>8225</t>
  </si>
  <si>
    <t>07/09/2011 12:00:00 AM</t>
  </si>
  <si>
    <t>1774</t>
  </si>
  <si>
    <t>1680</t>
  </si>
  <si>
    <t>4501</t>
  </si>
  <si>
    <t>38021</t>
  </si>
  <si>
    <t>958</t>
  </si>
  <si>
    <t>9345</t>
  </si>
  <si>
    <t>32170</t>
  </si>
  <si>
    <t>07/10/2011 12:00:00 AM</t>
  </si>
  <si>
    <t>3606</t>
  </si>
  <si>
    <t>1226</t>
  </si>
  <si>
    <t>497</t>
  </si>
  <si>
    <t>TOCA</t>
  </si>
  <si>
    <t>2349</t>
  </si>
  <si>
    <t>CUCUNUBÁ</t>
  </si>
  <si>
    <t>1863</t>
  </si>
  <si>
    <t>1421</t>
  </si>
  <si>
    <t>18250</t>
  </si>
  <si>
    <t>201522</t>
  </si>
  <si>
    <t>07/11/2011 12:00:00 AM</t>
  </si>
  <si>
    <t>20142</t>
  </si>
  <si>
    <t>3120</t>
  </si>
  <si>
    <t>1318</t>
  </si>
  <si>
    <t>07/12/2011 12:00:00 AM</t>
  </si>
  <si>
    <t>1677</t>
  </si>
  <si>
    <t>10093</t>
  </si>
  <si>
    <t>7741</t>
  </si>
  <si>
    <t>NEMOCÓN</t>
  </si>
  <si>
    <t>23345</t>
  </si>
  <si>
    <t>133000</t>
  </si>
  <si>
    <t>1966</t>
  </si>
  <si>
    <t>1310</t>
  </si>
  <si>
    <t>3028171</t>
  </si>
  <si>
    <t>2095</t>
  </si>
  <si>
    <t>07/13/2011 12:00:00 AM</t>
  </si>
  <si>
    <t>120000</t>
  </si>
  <si>
    <t>16858</t>
  </si>
  <si>
    <t>1638</t>
  </si>
  <si>
    <t>1058</t>
  </si>
  <si>
    <t>13586</t>
  </si>
  <si>
    <t>2649</t>
  </si>
  <si>
    <t>532</t>
  </si>
  <si>
    <t>14907</t>
  </si>
  <si>
    <t>3485</t>
  </si>
  <si>
    <t>1968</t>
  </si>
  <si>
    <t>93000</t>
  </si>
  <si>
    <t>07/14/2011 12:00:00 AM</t>
  </si>
  <si>
    <t>3036</t>
  </si>
  <si>
    <t>2995</t>
  </si>
  <si>
    <t>20239</t>
  </si>
  <si>
    <t>CICUCO</t>
  </si>
  <si>
    <t>1096</t>
  </si>
  <si>
    <t>174800</t>
  </si>
  <si>
    <t>3491</t>
  </si>
  <si>
    <t>897</t>
  </si>
  <si>
    <t>6277</t>
  </si>
  <si>
    <t>7450</t>
  </si>
  <si>
    <t>07/15/2011 12:00:00 AM</t>
  </si>
  <si>
    <t>106920</t>
  </si>
  <si>
    <t>21000</t>
  </si>
  <si>
    <t>3604</t>
  </si>
  <si>
    <t>17803</t>
  </si>
  <si>
    <t>192000</t>
  </si>
  <si>
    <t>2436</t>
  </si>
  <si>
    <t>7700</t>
  </si>
  <si>
    <t>1877</t>
  </si>
  <si>
    <t>337000</t>
  </si>
  <si>
    <t>320015</t>
  </si>
  <si>
    <t>07/16/2011 12:00:00 AM</t>
  </si>
  <si>
    <t>1834</t>
  </si>
  <si>
    <t>20661</t>
  </si>
  <si>
    <t>LA CAPILLA</t>
  </si>
  <si>
    <t>1543</t>
  </si>
  <si>
    <t>877</t>
  </si>
  <si>
    <t>3972</t>
  </si>
  <si>
    <t>1273</t>
  </si>
  <si>
    <t>7074</t>
  </si>
  <si>
    <t>3720</t>
  </si>
  <si>
    <t>60035</t>
  </si>
  <si>
    <t>07/17/2011 12:00:00 AM</t>
  </si>
  <si>
    <t>942</t>
  </si>
  <si>
    <t>ALTO BAUDÓ</t>
  </si>
  <si>
    <t>1109</t>
  </si>
  <si>
    <t>133280</t>
  </si>
  <si>
    <t>1266</t>
  </si>
  <si>
    <t>07/18/2011 12:00:00 AM</t>
  </si>
  <si>
    <t>1145</t>
  </si>
  <si>
    <t>180180</t>
  </si>
  <si>
    <t>29700</t>
  </si>
  <si>
    <t>604</t>
  </si>
  <si>
    <t>508560</t>
  </si>
  <si>
    <t>14030</t>
  </si>
  <si>
    <t>757</t>
  </si>
  <si>
    <t>2315</t>
  </si>
  <si>
    <t>124430</t>
  </si>
  <si>
    <t>07/19/2011 12:00:00 AM</t>
  </si>
  <si>
    <t>993</t>
  </si>
  <si>
    <t>28800</t>
  </si>
  <si>
    <t>2086</t>
  </si>
  <si>
    <t>832</t>
  </si>
  <si>
    <t>994</t>
  </si>
  <si>
    <t>972</t>
  </si>
  <si>
    <t>1241</t>
  </si>
  <si>
    <t>07/20/2011 12:00:00 AM</t>
  </si>
  <si>
    <t>PURÍSIMA</t>
  </si>
  <si>
    <t>1387</t>
  </si>
  <si>
    <t>875</t>
  </si>
  <si>
    <t>80622</t>
  </si>
  <si>
    <t>545102</t>
  </si>
  <si>
    <t>250459</t>
  </si>
  <si>
    <t>4520</t>
  </si>
  <si>
    <t>52254</t>
  </si>
  <si>
    <t>72000</t>
  </si>
  <si>
    <t>07/21/2011 12:00:00 AM</t>
  </si>
  <si>
    <t>7035</t>
  </si>
  <si>
    <t>36696</t>
  </si>
  <si>
    <t>8520</t>
  </si>
  <si>
    <t>3257</t>
  </si>
  <si>
    <t>1263230</t>
  </si>
  <si>
    <t>1413</t>
  </si>
  <si>
    <t>15944</t>
  </si>
  <si>
    <t>3299</t>
  </si>
  <si>
    <t>07/22/2011 12:00:00 AM</t>
  </si>
  <si>
    <t>3249</t>
  </si>
  <si>
    <t>2252</t>
  </si>
  <si>
    <t>3700</t>
  </si>
  <si>
    <t>3144</t>
  </si>
  <si>
    <t>6975</t>
  </si>
  <si>
    <t>442</t>
  </si>
  <si>
    <t>3219</t>
  </si>
  <si>
    <t>62000</t>
  </si>
  <si>
    <t>552600</t>
  </si>
  <si>
    <t>RIVERAS</t>
  </si>
  <si>
    <t>1870</t>
  </si>
  <si>
    <t>12643</t>
  </si>
  <si>
    <t>349</t>
  </si>
  <si>
    <t>4127</t>
  </si>
  <si>
    <t>18201</t>
  </si>
  <si>
    <t>1242</t>
  </si>
  <si>
    <t>50015</t>
  </si>
  <si>
    <t>07/23/2011 12:00:00 AM</t>
  </si>
  <si>
    <t>1660</t>
  </si>
  <si>
    <t>3380</t>
  </si>
  <si>
    <t>6903</t>
  </si>
  <si>
    <t>1548</t>
  </si>
  <si>
    <t>1228</t>
  </si>
  <si>
    <t>281424</t>
  </si>
  <si>
    <t>387000</t>
  </si>
  <si>
    <t>230000</t>
  </si>
  <si>
    <t>07/24/2011 12:00:00 AM</t>
  </si>
  <si>
    <t>3194</t>
  </si>
  <si>
    <t>933</t>
  </si>
  <si>
    <t>6669</t>
  </si>
  <si>
    <t>1253</t>
  </si>
  <si>
    <t>07/25/2011 12:00:00 AM</t>
  </si>
  <si>
    <t>864</t>
  </si>
  <si>
    <t>TESALIA</t>
  </si>
  <si>
    <t>2570</t>
  </si>
  <si>
    <t>520000</t>
  </si>
  <si>
    <t>11444</t>
  </si>
  <si>
    <t>07/26/2011 12:00:00 AM</t>
  </si>
  <si>
    <t>2176</t>
  </si>
  <si>
    <t>1287</t>
  </si>
  <si>
    <t>CRAVO NORTE</t>
  </si>
  <si>
    <t>662</t>
  </si>
  <si>
    <t>2998</t>
  </si>
  <si>
    <t>433600</t>
  </si>
  <si>
    <t>884</t>
  </si>
  <si>
    <t>18337</t>
  </si>
  <si>
    <t>12263</t>
  </si>
  <si>
    <t>1597</t>
  </si>
  <si>
    <t>07/27/2011 12:00:00 AM</t>
  </si>
  <si>
    <t>20100</t>
  </si>
  <si>
    <t>671</t>
  </si>
  <si>
    <t>8155</t>
  </si>
  <si>
    <t>811</t>
  </si>
  <si>
    <t>394000</t>
  </si>
  <si>
    <t>07/28/2011 12:00:00 AM</t>
  </si>
  <si>
    <t>19575</t>
  </si>
  <si>
    <t>6560</t>
  </si>
  <si>
    <t>326100</t>
  </si>
  <si>
    <t>7414</t>
  </si>
  <si>
    <t>934</t>
  </si>
  <si>
    <t>07/29/2011 12:00:00 AM</t>
  </si>
  <si>
    <t>4793</t>
  </si>
  <si>
    <t>3855</t>
  </si>
  <si>
    <t>47300</t>
  </si>
  <si>
    <t>3360</t>
  </si>
  <si>
    <t>07/30/2011 12:00:00 AM</t>
  </si>
  <si>
    <t>21415</t>
  </si>
  <si>
    <t>114000</t>
  </si>
  <si>
    <t>PAICOL</t>
  </si>
  <si>
    <t>2253</t>
  </si>
  <si>
    <t>1528</t>
  </si>
  <si>
    <t>97812</t>
  </si>
  <si>
    <t>07/31/2011 12:00:00 AM</t>
  </si>
  <si>
    <t>9300</t>
  </si>
  <si>
    <t>929</t>
  </si>
  <si>
    <t>649180</t>
  </si>
  <si>
    <t>711</t>
  </si>
  <si>
    <t>08/01/2011 12:00:00 AM</t>
  </si>
  <si>
    <t>SABOYÁ</t>
  </si>
  <si>
    <t>3611</t>
  </si>
  <si>
    <t>1305950</t>
  </si>
  <si>
    <t>326750</t>
  </si>
  <si>
    <t>2498</t>
  </si>
  <si>
    <t>134750</t>
  </si>
  <si>
    <t>8600</t>
  </si>
  <si>
    <t>HERRÁN</t>
  </si>
  <si>
    <t>44244</t>
  </si>
  <si>
    <t>08/02/2011 12:00:00 AM</t>
  </si>
  <si>
    <t>1697</t>
  </si>
  <si>
    <t>1412</t>
  </si>
  <si>
    <t>2278</t>
  </si>
  <si>
    <t>8196</t>
  </si>
  <si>
    <t>3839</t>
  </si>
  <si>
    <t>114880</t>
  </si>
  <si>
    <t>59510</t>
  </si>
  <si>
    <t>08/03/2011 12:00:00 AM</t>
  </si>
  <si>
    <t>5245</t>
  </si>
  <si>
    <t>1730</t>
  </si>
  <si>
    <t>15093</t>
  </si>
  <si>
    <t>1426020</t>
  </si>
  <si>
    <t>1654</t>
  </si>
  <si>
    <t>3003</t>
  </si>
  <si>
    <t>616520</t>
  </si>
  <si>
    <t>2242</t>
  </si>
  <si>
    <t>30463</t>
  </si>
  <si>
    <t>2288</t>
  </si>
  <si>
    <t>14970</t>
  </si>
  <si>
    <t>08/04/2011 12:00:00 AM</t>
  </si>
  <si>
    <t>2022</t>
  </si>
  <si>
    <t>TALLERES LATONERIA</t>
  </si>
  <si>
    <t>2104</t>
  </si>
  <si>
    <t>1537</t>
  </si>
  <si>
    <t>3714</t>
  </si>
  <si>
    <t>1918</t>
  </si>
  <si>
    <t>3293</t>
  </si>
  <si>
    <t>08/05/2011 12:00:00 AM</t>
  </si>
  <si>
    <t>4071</t>
  </si>
  <si>
    <t>25762</t>
  </si>
  <si>
    <t>2182</t>
  </si>
  <si>
    <t>5672</t>
  </si>
  <si>
    <t>10370</t>
  </si>
  <si>
    <t>386000</t>
  </si>
  <si>
    <t>2373</t>
  </si>
  <si>
    <t>428</t>
  </si>
  <si>
    <t>89260</t>
  </si>
  <si>
    <t>535000</t>
  </si>
  <si>
    <t>3362</t>
  </si>
  <si>
    <t>1223</t>
  </si>
  <si>
    <t>794990</t>
  </si>
  <si>
    <t>08/06/2011 12:00:00 AM</t>
  </si>
  <si>
    <t>2841</t>
  </si>
  <si>
    <t>573</t>
  </si>
  <si>
    <t>9343</t>
  </si>
  <si>
    <t>11466</t>
  </si>
  <si>
    <t>1101</t>
  </si>
  <si>
    <t>188908</t>
  </si>
  <si>
    <t>1209</t>
  </si>
  <si>
    <t>08/07/2011 12:00:00 AM</t>
  </si>
  <si>
    <t>2017</t>
  </si>
  <si>
    <t>1220</t>
  </si>
  <si>
    <t>BARRANCO DE LOBA</t>
  </si>
  <si>
    <t>SAN CRISTÓBAL</t>
  </si>
  <si>
    <t>3502</t>
  </si>
  <si>
    <t>3478</t>
  </si>
  <si>
    <t>1189</t>
  </si>
  <si>
    <t>801</t>
  </si>
  <si>
    <t>2299</t>
  </si>
  <si>
    <t>08/08/2011 12:00:00 AM</t>
  </si>
  <si>
    <t>644900</t>
  </si>
  <si>
    <t>1657</t>
  </si>
  <si>
    <t>12965</t>
  </si>
  <si>
    <t>CHIBOLO</t>
  </si>
  <si>
    <t>729000</t>
  </si>
  <si>
    <t>200669</t>
  </si>
  <si>
    <t>08/09/2011 12:00:00 AM</t>
  </si>
  <si>
    <t>4097</t>
  </si>
  <si>
    <t>1590</t>
  </si>
  <si>
    <t>ALTOS DEL ROSARIO</t>
  </si>
  <si>
    <t>CHITA</t>
  </si>
  <si>
    <t>2340</t>
  </si>
  <si>
    <t>CASINOS</t>
  </si>
  <si>
    <t>2510</t>
  </si>
  <si>
    <t>75900</t>
  </si>
  <si>
    <t>51936</t>
  </si>
  <si>
    <t>08/10/2011 12:00:00 AM</t>
  </si>
  <si>
    <t>7200</t>
  </si>
  <si>
    <t>2605</t>
  </si>
  <si>
    <t>549</t>
  </si>
  <si>
    <t>1688</t>
  </si>
  <si>
    <t>271457</t>
  </si>
  <si>
    <t>1471</t>
  </si>
  <si>
    <t>703</t>
  </si>
  <si>
    <t>23707</t>
  </si>
  <si>
    <t>19550</t>
  </si>
  <si>
    <t>08/11/2011 12:00:00 AM</t>
  </si>
  <si>
    <t>2679</t>
  </si>
  <si>
    <t>12860</t>
  </si>
  <si>
    <t>20906</t>
  </si>
  <si>
    <t>52150</t>
  </si>
  <si>
    <t>1799</t>
  </si>
  <si>
    <t>3624</t>
  </si>
  <si>
    <t>2421</t>
  </si>
  <si>
    <t>7950</t>
  </si>
  <si>
    <t>08/12/2011 12:00:00 AM</t>
  </si>
  <si>
    <t>9416</t>
  </si>
  <si>
    <t>5886</t>
  </si>
  <si>
    <t>5427</t>
  </si>
  <si>
    <t>1090</t>
  </si>
  <si>
    <t>814</t>
  </si>
  <si>
    <t>6202</t>
  </si>
  <si>
    <t>11300</t>
  </si>
  <si>
    <t>296</t>
  </si>
  <si>
    <t>3753000</t>
  </si>
  <si>
    <t>2387</t>
  </si>
  <si>
    <t>12216</t>
  </si>
  <si>
    <t>6853</t>
  </si>
  <si>
    <t>1366</t>
  </si>
  <si>
    <t>12110</t>
  </si>
  <si>
    <t>20200</t>
  </si>
  <si>
    <t>87702</t>
  </si>
  <si>
    <t>08/13/2011 12:00:00 AM</t>
  </si>
  <si>
    <t>2157</t>
  </si>
  <si>
    <t>876</t>
  </si>
  <si>
    <t>SAN ESTANISLAO</t>
  </si>
  <si>
    <t>CALDONO</t>
  </si>
  <si>
    <t>9705</t>
  </si>
  <si>
    <t>3060000</t>
  </si>
  <si>
    <t>2289</t>
  </si>
  <si>
    <t>1748</t>
  </si>
  <si>
    <t>4135</t>
  </si>
  <si>
    <t>44000</t>
  </si>
  <si>
    <t>709000</t>
  </si>
  <si>
    <t>32460</t>
  </si>
  <si>
    <t>08/14/2011 12:00:00 AM</t>
  </si>
  <si>
    <t>59000</t>
  </si>
  <si>
    <t>14014</t>
  </si>
  <si>
    <t>43224</t>
  </si>
  <si>
    <t>6225</t>
  </si>
  <si>
    <t>1213</t>
  </si>
  <si>
    <t>120643</t>
  </si>
  <si>
    <t>08/15/2011 12:00:00 AM</t>
  </si>
  <si>
    <t>1327</t>
  </si>
  <si>
    <t>987</t>
  </si>
  <si>
    <t>JENESANO</t>
  </si>
  <si>
    <t>3711</t>
  </si>
  <si>
    <t>1540</t>
  </si>
  <si>
    <t>PISTAS CLANDESTINAS</t>
  </si>
  <si>
    <t>470000</t>
  </si>
  <si>
    <t>5030</t>
  </si>
  <si>
    <t>2248</t>
  </si>
  <si>
    <t>16476</t>
  </si>
  <si>
    <t>EL CARMEN DE CHUCURÍ</t>
  </si>
  <si>
    <t>08/16/2011 12:00:00 AM</t>
  </si>
  <si>
    <t>2877</t>
  </si>
  <si>
    <t>20010</t>
  </si>
  <si>
    <t>59500</t>
  </si>
  <si>
    <t>3920</t>
  </si>
  <si>
    <t>13747</t>
  </si>
  <si>
    <t>2039</t>
  </si>
  <si>
    <t>10150</t>
  </si>
  <si>
    <t>411</t>
  </si>
  <si>
    <t>08/17/2011 12:00:00 AM</t>
  </si>
  <si>
    <t>4300</t>
  </si>
  <si>
    <t>08/18/2011 12:00:00 AM</t>
  </si>
  <si>
    <t>22857</t>
  </si>
  <si>
    <t>238000</t>
  </si>
  <si>
    <t>2009</t>
  </si>
  <si>
    <t>3054</t>
  </si>
  <si>
    <t>SAN JUAN DE ARAMA</t>
  </si>
  <si>
    <t>8140</t>
  </si>
  <si>
    <t>98966</t>
  </si>
  <si>
    <t>5696</t>
  </si>
  <si>
    <t>13230</t>
  </si>
  <si>
    <t>4632</t>
  </si>
  <si>
    <t>30570</t>
  </si>
  <si>
    <t>25320</t>
  </si>
  <si>
    <t>08/19/2011 12:00:00 AM</t>
  </si>
  <si>
    <t>6826</t>
  </si>
  <si>
    <t>3883</t>
  </si>
  <si>
    <t>4470</t>
  </si>
  <si>
    <t>1987</t>
  </si>
  <si>
    <t>3649</t>
  </si>
  <si>
    <t>6583</t>
  </si>
  <si>
    <t>08/20/2011 12:00:00 AM</t>
  </si>
  <si>
    <t>5270</t>
  </si>
  <si>
    <t>32216</t>
  </si>
  <si>
    <t>FRANCISCO PIZARRO</t>
  </si>
  <si>
    <t>2100000</t>
  </si>
  <si>
    <t>2844</t>
  </si>
  <si>
    <t>6575</t>
  </si>
  <si>
    <t>08/21/2011 12:00:00 AM</t>
  </si>
  <si>
    <t>1055</t>
  </si>
  <si>
    <t>634</t>
  </si>
  <si>
    <t>2185</t>
  </si>
  <si>
    <t>TENZA</t>
  </si>
  <si>
    <t>1487</t>
  </si>
  <si>
    <t>12199</t>
  </si>
  <si>
    <t>08/22/2011 12:00:00 AM</t>
  </si>
  <si>
    <t>1235</t>
  </si>
  <si>
    <t>1405</t>
  </si>
  <si>
    <t>474</t>
  </si>
  <si>
    <t>TOTORÓ</t>
  </si>
  <si>
    <t>2618</t>
  </si>
  <si>
    <t>146100</t>
  </si>
  <si>
    <t>LA ARGENTINA</t>
  </si>
  <si>
    <t>3625</t>
  </si>
  <si>
    <t>08/23/2011 12:00:00 AM</t>
  </si>
  <si>
    <t>3115</t>
  </si>
  <si>
    <t>2419</t>
  </si>
  <si>
    <t>80760</t>
  </si>
  <si>
    <t>97380</t>
  </si>
  <si>
    <t>1012</t>
  </si>
  <si>
    <t>2115</t>
  </si>
  <si>
    <t>08/24/2011 12:00:00 AM</t>
  </si>
  <si>
    <t>3728</t>
  </si>
  <si>
    <t>5390</t>
  </si>
  <si>
    <t>37000</t>
  </si>
  <si>
    <t>24891</t>
  </si>
  <si>
    <t>805</t>
  </si>
  <si>
    <t>4740</t>
  </si>
  <si>
    <t>3185</t>
  </si>
  <si>
    <t>2712</t>
  </si>
  <si>
    <t>127130</t>
  </si>
  <si>
    <t>5890</t>
  </si>
  <si>
    <t>08/25/2011 12:00:00 AM</t>
  </si>
  <si>
    <t>7079</t>
  </si>
  <si>
    <t>5397</t>
  </si>
  <si>
    <t>149000</t>
  </si>
  <si>
    <t>812</t>
  </si>
  <si>
    <t>769</t>
  </si>
  <si>
    <t>1986</t>
  </si>
  <si>
    <t>1346</t>
  </si>
  <si>
    <t>08/26/2011 12:00:00 AM</t>
  </si>
  <si>
    <t>101160</t>
  </si>
  <si>
    <t>828</t>
  </si>
  <si>
    <t>2760</t>
  </si>
  <si>
    <t>2688</t>
  </si>
  <si>
    <t>39000</t>
  </si>
  <si>
    <t>2412</t>
  </si>
  <si>
    <t>315500</t>
  </si>
  <si>
    <t>2902</t>
  </si>
  <si>
    <t>215000</t>
  </si>
  <si>
    <t>2209</t>
  </si>
  <si>
    <t>08/27/2011 12:00:00 AM</t>
  </si>
  <si>
    <t>2652</t>
  </si>
  <si>
    <t>1562</t>
  </si>
  <si>
    <t>227000</t>
  </si>
  <si>
    <t>1649</t>
  </si>
  <si>
    <t>23159</t>
  </si>
  <si>
    <t>08/28/2011 12:00:00 AM</t>
  </si>
  <si>
    <t>3020</t>
  </si>
  <si>
    <t>867</t>
  </si>
  <si>
    <t>2322</t>
  </si>
  <si>
    <t>08/29/2011 12:00:00 AM</t>
  </si>
  <si>
    <t>3392</t>
  </si>
  <si>
    <t>11800</t>
  </si>
  <si>
    <t>1258</t>
  </si>
  <si>
    <t>57000</t>
  </si>
  <si>
    <t>41088</t>
  </si>
  <si>
    <t>5736</t>
  </si>
  <si>
    <t>29755</t>
  </si>
  <si>
    <t>08/30/2011 12:00:00 AM</t>
  </si>
  <si>
    <t>3430</t>
  </si>
  <si>
    <t>10210</t>
  </si>
  <si>
    <t>50300</t>
  </si>
  <si>
    <t>4345</t>
  </si>
  <si>
    <t>903350</t>
  </si>
  <si>
    <t>2284</t>
  </si>
  <si>
    <t>2126</t>
  </si>
  <si>
    <t>1344</t>
  </si>
  <si>
    <t>996000</t>
  </si>
  <si>
    <t>08/31/2011 12:00:00 AM</t>
  </si>
  <si>
    <t>5991</t>
  </si>
  <si>
    <t>14089</t>
  </si>
  <si>
    <t>40575</t>
  </si>
  <si>
    <t>2377</t>
  </si>
  <si>
    <t>2131500</t>
  </si>
  <si>
    <t>09/01/2011 12:00:00 AM</t>
  </si>
  <si>
    <t>5089</t>
  </si>
  <si>
    <t>2188</t>
  </si>
  <si>
    <t>3116</t>
  </si>
  <si>
    <t>ARROYOHONDO</t>
  </si>
  <si>
    <t>1071</t>
  </si>
  <si>
    <t>3350</t>
  </si>
  <si>
    <t>3000000</t>
  </si>
  <si>
    <t>1408</t>
  </si>
  <si>
    <t>45435</t>
  </si>
  <si>
    <t>17170</t>
  </si>
  <si>
    <t>16295</t>
  </si>
  <si>
    <t>14007</t>
  </si>
  <si>
    <t>09/02/2011 12:00:00 AM</t>
  </si>
  <si>
    <t>6210</t>
  </si>
  <si>
    <t>7192</t>
  </si>
  <si>
    <t>4631</t>
  </si>
  <si>
    <t>2630</t>
  </si>
  <si>
    <t>OICATÁ</t>
  </si>
  <si>
    <t>1472</t>
  </si>
  <si>
    <t>3391</t>
  </si>
  <si>
    <t>17519</t>
  </si>
  <si>
    <t>51680</t>
  </si>
  <si>
    <t>09/03/2011 12:00:00 AM</t>
  </si>
  <si>
    <t>882</t>
  </si>
  <si>
    <t>1252</t>
  </si>
  <si>
    <t>1409000</t>
  </si>
  <si>
    <t>14800</t>
  </si>
  <si>
    <t>80080</t>
  </si>
  <si>
    <t>20430</t>
  </si>
  <si>
    <t>1300000</t>
  </si>
  <si>
    <t>2918</t>
  </si>
  <si>
    <t>09/04/2011 12:00:00 AM</t>
  </si>
  <si>
    <t>1356</t>
  </si>
  <si>
    <t>1215</t>
  </si>
  <si>
    <t>891</t>
  </si>
  <si>
    <t>1150000</t>
  </si>
  <si>
    <t>09/05/2011 12:00:00 AM</t>
  </si>
  <si>
    <t>11990</t>
  </si>
  <si>
    <t>1777</t>
  </si>
  <si>
    <t>252600</t>
  </si>
  <si>
    <t>20211</t>
  </si>
  <si>
    <t>3765</t>
  </si>
  <si>
    <t>09/06/2011 12:00:00 AM</t>
  </si>
  <si>
    <t>2065</t>
  </si>
  <si>
    <t>1362</t>
  </si>
  <si>
    <t>768</t>
  </si>
  <si>
    <t>14520</t>
  </si>
  <si>
    <t>5653</t>
  </si>
  <si>
    <t>140000</t>
  </si>
  <si>
    <t>3292</t>
  </si>
  <si>
    <t>39700</t>
  </si>
  <si>
    <t>13945</t>
  </si>
  <si>
    <t>2735</t>
  </si>
  <si>
    <t>4529000</t>
  </si>
  <si>
    <t>3675</t>
  </si>
  <si>
    <t>25974</t>
  </si>
  <si>
    <t>1514</t>
  </si>
  <si>
    <t>09/07/2011 12:00:00 AM</t>
  </si>
  <si>
    <t>1882</t>
  </si>
  <si>
    <t>2024</t>
  </si>
  <si>
    <t>12081</t>
  </si>
  <si>
    <t>19819</t>
  </si>
  <si>
    <t>775</t>
  </si>
  <si>
    <t>18718</t>
  </si>
  <si>
    <t>1898</t>
  </si>
  <si>
    <t>09/08/2011 12:00:00 AM</t>
  </si>
  <si>
    <t>7015</t>
  </si>
  <si>
    <t>2165</t>
  </si>
  <si>
    <t>40300</t>
  </si>
  <si>
    <t>2105</t>
  </si>
  <si>
    <t>4980</t>
  </si>
  <si>
    <t>PÁEZ</t>
  </si>
  <si>
    <t>6550</t>
  </si>
  <si>
    <t>PIAMONTE</t>
  </si>
  <si>
    <t>4304</t>
  </si>
  <si>
    <t>115428</t>
  </si>
  <si>
    <t>5410</t>
  </si>
  <si>
    <t>09/09/2011 12:00:00 AM</t>
  </si>
  <si>
    <t>1910</t>
  </si>
  <si>
    <t>386815</t>
  </si>
  <si>
    <t>1083</t>
  </si>
  <si>
    <t>2079</t>
  </si>
  <si>
    <t>191538</t>
  </si>
  <si>
    <t>260000</t>
  </si>
  <si>
    <t>09/10/2011 12:00:00 AM</t>
  </si>
  <si>
    <t>1003000</t>
  </si>
  <si>
    <t>2756</t>
  </si>
  <si>
    <t>09/11/2011 12:00:00 AM</t>
  </si>
  <si>
    <t>1971</t>
  </si>
  <si>
    <t>2266000</t>
  </si>
  <si>
    <t>SIACHOQUE</t>
  </si>
  <si>
    <t>432000</t>
  </si>
  <si>
    <t>79468</t>
  </si>
  <si>
    <t>128344</t>
  </si>
  <si>
    <t>47571</t>
  </si>
  <si>
    <t>09/12/2011 12:00:00 AM</t>
  </si>
  <si>
    <t>3315</t>
  </si>
  <si>
    <t>2290</t>
  </si>
  <si>
    <t>HACARÍ</t>
  </si>
  <si>
    <t>2391</t>
  </si>
  <si>
    <t>485000</t>
  </si>
  <si>
    <t>09/13/2011 12:00:00 AM</t>
  </si>
  <si>
    <t>2562</t>
  </si>
  <si>
    <t>2027</t>
  </si>
  <si>
    <t>3471</t>
  </si>
  <si>
    <t>3933</t>
  </si>
  <si>
    <t>2697</t>
  </si>
  <si>
    <t>40821</t>
  </si>
  <si>
    <t>CHITAGÁ</t>
  </si>
  <si>
    <t>2423</t>
  </si>
  <si>
    <t>1061</t>
  </si>
  <si>
    <t>09/14/2011 12:00:00 AM</t>
  </si>
  <si>
    <t>1603</t>
  </si>
  <si>
    <t>8658</t>
  </si>
  <si>
    <t>4012</t>
  </si>
  <si>
    <t>30250</t>
  </si>
  <si>
    <t>3008</t>
  </si>
  <si>
    <t>2863</t>
  </si>
  <si>
    <t>3250000</t>
  </si>
  <si>
    <t>7020</t>
  </si>
  <si>
    <t>09/15/2011 12:00:00 AM</t>
  </si>
  <si>
    <t>110050</t>
  </si>
  <si>
    <t>1339</t>
  </si>
  <si>
    <t>1182</t>
  </si>
  <si>
    <t>2634000</t>
  </si>
  <si>
    <t>3776</t>
  </si>
  <si>
    <t>1014</t>
  </si>
  <si>
    <t>8848</t>
  </si>
  <si>
    <t>09/16/2011 12:00:00 AM</t>
  </si>
  <si>
    <t>2650</t>
  </si>
  <si>
    <t>1932</t>
  </si>
  <si>
    <t>PAEZ</t>
  </si>
  <si>
    <t>670000</t>
  </si>
  <si>
    <t>3597</t>
  </si>
  <si>
    <t>895000</t>
  </si>
  <si>
    <t>09/17/2011 12:00:00 AM</t>
  </si>
  <si>
    <t>4207</t>
  </si>
  <si>
    <t>883</t>
  </si>
  <si>
    <t>25270</t>
  </si>
  <si>
    <t>1959</t>
  </si>
  <si>
    <t>2061</t>
  </si>
  <si>
    <t>19712</t>
  </si>
  <si>
    <t>1802</t>
  </si>
  <si>
    <t>10006</t>
  </si>
  <si>
    <t>4080</t>
  </si>
  <si>
    <t>12195</t>
  </si>
  <si>
    <t>4220</t>
  </si>
  <si>
    <t>51435</t>
  </si>
  <si>
    <t>09/18/2011 12:00:00 AM</t>
  </si>
  <si>
    <t>18870</t>
  </si>
  <si>
    <t>2717</t>
  </si>
  <si>
    <t>8440</t>
  </si>
  <si>
    <t>09/19/2011 12:00:00 AM</t>
  </si>
  <si>
    <t>63980</t>
  </si>
  <si>
    <t>3024</t>
  </si>
  <si>
    <t>4956</t>
  </si>
  <si>
    <t>8760</t>
  </si>
  <si>
    <t>09/20/2011 12:00:00 AM</t>
  </si>
  <si>
    <t>FORTUL</t>
  </si>
  <si>
    <t>1550</t>
  </si>
  <si>
    <t>2818</t>
  </si>
  <si>
    <t>4106</t>
  </si>
  <si>
    <t>20368</t>
  </si>
  <si>
    <t>09/21/2011 12:00:00 AM</t>
  </si>
  <si>
    <t>168000</t>
  </si>
  <si>
    <t>1655</t>
  </si>
  <si>
    <t>17060</t>
  </si>
  <si>
    <t>4045</t>
  </si>
  <si>
    <t>3535</t>
  </si>
  <si>
    <t>54500</t>
  </si>
  <si>
    <t>3980</t>
  </si>
  <si>
    <t>66477</t>
  </si>
  <si>
    <t>09/22/2011 12:00:00 AM</t>
  </si>
  <si>
    <t>32578</t>
  </si>
  <si>
    <t>6506</t>
  </si>
  <si>
    <t>69462</t>
  </si>
  <si>
    <t>CHIPATÁ</t>
  </si>
  <si>
    <t>520806</t>
  </si>
  <si>
    <t>27005</t>
  </si>
  <si>
    <t>09/23/2011 12:00:00 AM</t>
  </si>
  <si>
    <t>5525</t>
  </si>
  <si>
    <t>98120</t>
  </si>
  <si>
    <t>3470</t>
  </si>
  <si>
    <t>2930</t>
  </si>
  <si>
    <t>1027</t>
  </si>
  <si>
    <t>14762</t>
  </si>
  <si>
    <t>HOGAR DE PASO</t>
  </si>
  <si>
    <t>22735</t>
  </si>
  <si>
    <t>10608</t>
  </si>
  <si>
    <t>4381</t>
  </si>
  <si>
    <t>2610</t>
  </si>
  <si>
    <t>21205</t>
  </si>
  <si>
    <t>363</t>
  </si>
  <si>
    <t>37400</t>
  </si>
  <si>
    <t>09/24/2011 12:00:00 AM</t>
  </si>
  <si>
    <t>913</t>
  </si>
  <si>
    <t>3770</t>
  </si>
  <si>
    <t>98150</t>
  </si>
  <si>
    <t>243000</t>
  </si>
  <si>
    <t>1251</t>
  </si>
  <si>
    <t>2321</t>
  </si>
  <si>
    <t>2103</t>
  </si>
  <si>
    <t>863</t>
  </si>
  <si>
    <t>09/25/2011 12:00:00 AM</t>
  </si>
  <si>
    <t>25919</t>
  </si>
  <si>
    <t>1431</t>
  </si>
  <si>
    <t>16898</t>
  </si>
  <si>
    <t>9408</t>
  </si>
  <si>
    <t>643</t>
  </si>
  <si>
    <t>11822</t>
  </si>
  <si>
    <t>09/26/2011 12:00:00 AM</t>
  </si>
  <si>
    <t>2590</t>
  </si>
  <si>
    <t>21400</t>
  </si>
  <si>
    <t>2375</t>
  </si>
  <si>
    <t>2943</t>
  </si>
  <si>
    <t>09/27/2011 12:00:00 AM</t>
  </si>
  <si>
    <t>30900</t>
  </si>
  <si>
    <t>1623</t>
  </si>
  <si>
    <t>2016</t>
  </si>
  <si>
    <t>4035</t>
  </si>
  <si>
    <t>23559</t>
  </si>
  <si>
    <t>3170</t>
  </si>
  <si>
    <t>09/28/2011 12:00:00 AM</t>
  </si>
  <si>
    <t>1382</t>
  </si>
  <si>
    <t>2475</t>
  </si>
  <si>
    <t>4744</t>
  </si>
  <si>
    <t>1793</t>
  </si>
  <si>
    <t>09/29/2011 12:00:00 AM</t>
  </si>
  <si>
    <t>17925</t>
  </si>
  <si>
    <t>2430</t>
  </si>
  <si>
    <t>26500</t>
  </si>
  <si>
    <t>ANOLAIMA</t>
  </si>
  <si>
    <t>4702</t>
  </si>
  <si>
    <t>89000</t>
  </si>
  <si>
    <t>09/30/2011 12:00:00 AM</t>
  </si>
  <si>
    <t>4269</t>
  </si>
  <si>
    <t>610000</t>
  </si>
  <si>
    <t>292000</t>
  </si>
  <si>
    <t>2045</t>
  </si>
  <si>
    <t>2591</t>
  </si>
  <si>
    <t>202000</t>
  </si>
  <si>
    <t>175000</t>
  </si>
  <si>
    <t>10/01/2011 12:00:00 AM</t>
  </si>
  <si>
    <t>10/02/2011 12:00:00 AM</t>
  </si>
  <si>
    <t>1247</t>
  </si>
  <si>
    <t>3822</t>
  </si>
  <si>
    <t>23481</t>
  </si>
  <si>
    <t>50310</t>
  </si>
  <si>
    <t>2940</t>
  </si>
  <si>
    <t>2880</t>
  </si>
  <si>
    <t>3178</t>
  </si>
  <si>
    <t>2695</t>
  </si>
  <si>
    <t>4020</t>
  </si>
  <si>
    <t>8098</t>
  </si>
  <si>
    <t>3375</t>
  </si>
  <si>
    <t>2113</t>
  </si>
  <si>
    <t>3414</t>
  </si>
  <si>
    <t>68000</t>
  </si>
  <si>
    <t>10/03/2011 12:00:00 AM</t>
  </si>
  <si>
    <t>242000</t>
  </si>
  <si>
    <t>5150</t>
  </si>
  <si>
    <t>6722</t>
  </si>
  <si>
    <t>4640</t>
  </si>
  <si>
    <t>6120</t>
  </si>
  <si>
    <t>609487</t>
  </si>
  <si>
    <t>GRANEROS</t>
  </si>
  <si>
    <t>167000</t>
  </si>
  <si>
    <t>3917</t>
  </si>
  <si>
    <t>10/04/2011 12:00:00 AM</t>
  </si>
  <si>
    <t>2813</t>
  </si>
  <si>
    <t>1458</t>
  </si>
  <si>
    <t>4285</t>
  </si>
  <si>
    <t>2503</t>
  </si>
  <si>
    <t>10/05/2011 12:00:00 AM</t>
  </si>
  <si>
    <t>2231</t>
  </si>
  <si>
    <t>2187</t>
  </si>
  <si>
    <t>1068</t>
  </si>
  <si>
    <t>7228</t>
  </si>
  <si>
    <t>2001</t>
  </si>
  <si>
    <t>2692</t>
  </si>
  <si>
    <t>3820</t>
  </si>
  <si>
    <t>39775</t>
  </si>
  <si>
    <t>10/06/2011 12:00:00 AM</t>
  </si>
  <si>
    <t>1547</t>
  </si>
  <si>
    <t>GAMEZA</t>
  </si>
  <si>
    <t>112700</t>
  </si>
  <si>
    <t>1327000</t>
  </si>
  <si>
    <t>4990</t>
  </si>
  <si>
    <t>4187</t>
  </si>
  <si>
    <t>5448</t>
  </si>
  <si>
    <t>18500</t>
  </si>
  <si>
    <t>137000</t>
  </si>
  <si>
    <t>2655</t>
  </si>
  <si>
    <t>24254</t>
  </si>
  <si>
    <t>56250</t>
  </si>
  <si>
    <t>10/07/2011 12:00:00 AM</t>
  </si>
  <si>
    <t>143365</t>
  </si>
  <si>
    <t>1327207</t>
  </si>
  <si>
    <t>2270</t>
  </si>
  <si>
    <t>2431</t>
  </si>
  <si>
    <t>894</t>
  </si>
  <si>
    <t>4490</t>
  </si>
  <si>
    <t>2982390</t>
  </si>
  <si>
    <t>10/08/2011 12:00:00 AM</t>
  </si>
  <si>
    <t>1607</t>
  </si>
  <si>
    <t>9090</t>
  </si>
  <si>
    <t>8510</t>
  </si>
  <si>
    <t>9400</t>
  </si>
  <si>
    <t>UNIÓN PANAMERICANA</t>
  </si>
  <si>
    <t>2755</t>
  </si>
  <si>
    <t>11875</t>
  </si>
  <si>
    <t>10/09/2011 12:00:00 AM</t>
  </si>
  <si>
    <t>341936</t>
  </si>
  <si>
    <t>16325</t>
  </si>
  <si>
    <t>10/10/2011 12:00:00 AM</t>
  </si>
  <si>
    <t>3105</t>
  </si>
  <si>
    <t>6150</t>
  </si>
  <si>
    <t>10/11/2011 12:00:00 AM</t>
  </si>
  <si>
    <t>1148</t>
  </si>
  <si>
    <t>18444</t>
  </si>
  <si>
    <t>2466</t>
  </si>
  <si>
    <t>10/12/2011 12:00:00 AM</t>
  </si>
  <si>
    <t>2312</t>
  </si>
  <si>
    <t>4128</t>
  </si>
  <si>
    <t>17600</t>
  </si>
  <si>
    <t>52368</t>
  </si>
  <si>
    <t>CARURU</t>
  </si>
  <si>
    <t>10/13/2011 12:00:00 AM</t>
  </si>
  <si>
    <t>4846</t>
  </si>
  <si>
    <t>1093</t>
  </si>
  <si>
    <t>2793</t>
  </si>
  <si>
    <t>57034</t>
  </si>
  <si>
    <t>5000000</t>
  </si>
  <si>
    <t>4000127</t>
  </si>
  <si>
    <t>15280</t>
  </si>
  <si>
    <t>10/14/2011 12:00:00 AM</t>
  </si>
  <si>
    <t>3709</t>
  </si>
  <si>
    <t>GUAYATÁ</t>
  </si>
  <si>
    <t>4542</t>
  </si>
  <si>
    <t>3390</t>
  </si>
  <si>
    <t>11419</t>
  </si>
  <si>
    <t>10/15/2011 12:00:00 AM</t>
  </si>
  <si>
    <t>5239</t>
  </si>
  <si>
    <t>BERBEO</t>
  </si>
  <si>
    <t>7013</t>
  </si>
  <si>
    <t>3983</t>
  </si>
  <si>
    <t>153000</t>
  </si>
  <si>
    <t>1827</t>
  </si>
  <si>
    <t>3306</t>
  </si>
  <si>
    <t>10/16/2011 12:00:00 AM</t>
  </si>
  <si>
    <t>1645</t>
  </si>
  <si>
    <t>36000</t>
  </si>
  <si>
    <t>704</t>
  </si>
  <si>
    <t>10/17/2011 12:00:00 AM</t>
  </si>
  <si>
    <t>3160</t>
  </si>
  <si>
    <t>438000</t>
  </si>
  <si>
    <t>1219</t>
  </si>
  <si>
    <t>10/18/2011 12:00:00 AM</t>
  </si>
  <si>
    <t>1451</t>
  </si>
  <si>
    <t>36906</t>
  </si>
  <si>
    <t>58900</t>
  </si>
  <si>
    <t>4762</t>
  </si>
  <si>
    <t>3172200</t>
  </si>
  <si>
    <t>10/19/2011 12:00:00 AM</t>
  </si>
  <si>
    <t>54000</t>
  </si>
  <si>
    <t>LLORÓ</t>
  </si>
  <si>
    <t>881</t>
  </si>
  <si>
    <t>1778</t>
  </si>
  <si>
    <t>85000</t>
  </si>
  <si>
    <t>962</t>
  </si>
  <si>
    <t>10/20/2011 12:00:00 AM</t>
  </si>
  <si>
    <t>31647</t>
  </si>
  <si>
    <t>2589</t>
  </si>
  <si>
    <t>2862000</t>
  </si>
  <si>
    <t>4065</t>
  </si>
  <si>
    <t>4603</t>
  </si>
  <si>
    <t>4643</t>
  </si>
  <si>
    <t>10/21/2011 12:00:00 AM</t>
  </si>
  <si>
    <t>4906</t>
  </si>
  <si>
    <t>3433</t>
  </si>
  <si>
    <t>4680</t>
  </si>
  <si>
    <t>SAN LUIS DE GACENO</t>
  </si>
  <si>
    <t>CONSTRUCCION</t>
  </si>
  <si>
    <t>9000000</t>
  </si>
  <si>
    <t>862</t>
  </si>
  <si>
    <t>7423</t>
  </si>
  <si>
    <t>1002</t>
  </si>
  <si>
    <t>118617</t>
  </si>
  <si>
    <t>807000</t>
  </si>
  <si>
    <t>358000</t>
  </si>
  <si>
    <t>10/22/2011 12:00:00 AM</t>
  </si>
  <si>
    <t>8045</t>
  </si>
  <si>
    <t>FERIA GANADO</t>
  </si>
  <si>
    <t>3670</t>
  </si>
  <si>
    <t>3460</t>
  </si>
  <si>
    <t>566</t>
  </si>
  <si>
    <t>776</t>
  </si>
  <si>
    <t>6114</t>
  </si>
  <si>
    <t>10/23/2011 12:00:00 AM</t>
  </si>
  <si>
    <t>10/24/2011 12:00:00 AM</t>
  </si>
  <si>
    <t>898</t>
  </si>
  <si>
    <t>25789</t>
  </si>
  <si>
    <t>1745</t>
  </si>
  <si>
    <t>26150</t>
  </si>
  <si>
    <t>10/25/2011 12:00:00 AM</t>
  </si>
  <si>
    <t>5078</t>
  </si>
  <si>
    <t>2074</t>
  </si>
  <si>
    <t>2407</t>
  </si>
  <si>
    <t>200700</t>
  </si>
  <si>
    <t>1115</t>
  </si>
  <si>
    <t>1553</t>
  </si>
  <si>
    <t>10/26/2011 12:00:00 AM</t>
  </si>
  <si>
    <t>2456</t>
  </si>
  <si>
    <t>1199</t>
  </si>
  <si>
    <t>206690</t>
  </si>
  <si>
    <t>10/27/2011 12:00:00 AM</t>
  </si>
  <si>
    <t>2783</t>
  </si>
  <si>
    <t>3599</t>
  </si>
  <si>
    <t>4270</t>
  </si>
  <si>
    <t>10/28/2011 12:00:00 AM</t>
  </si>
  <si>
    <t>468000</t>
  </si>
  <si>
    <t>2042</t>
  </si>
  <si>
    <t>3165</t>
  </si>
  <si>
    <t>1841</t>
  </si>
  <si>
    <t>5670</t>
  </si>
  <si>
    <t>13255</t>
  </si>
  <si>
    <t>10/29/2011 12:00:00 AM</t>
  </si>
  <si>
    <t>5058</t>
  </si>
  <si>
    <t>10/30/2011 12:00:00 AM</t>
  </si>
  <si>
    <t>10/31/2011 12:00:00 AM</t>
  </si>
  <si>
    <t>1951</t>
  </si>
  <si>
    <t>833</t>
  </si>
  <si>
    <t>1379</t>
  </si>
  <si>
    <t>2750</t>
  </si>
  <si>
    <t>32500</t>
  </si>
  <si>
    <t>11/01/2011 12:00:00 AM</t>
  </si>
  <si>
    <t>10980</t>
  </si>
  <si>
    <t>1979</t>
  </si>
  <si>
    <t>1162</t>
  </si>
  <si>
    <t>12150</t>
  </si>
  <si>
    <t>ALMAGUER</t>
  </si>
  <si>
    <t>9800</t>
  </si>
  <si>
    <t>12295</t>
  </si>
  <si>
    <t>10816</t>
  </si>
  <si>
    <t>11/02/2011 12:00:00 AM</t>
  </si>
  <si>
    <t>13420</t>
  </si>
  <si>
    <t>6670</t>
  </si>
  <si>
    <t>5550</t>
  </si>
  <si>
    <t>2938</t>
  </si>
  <si>
    <t>2128</t>
  </si>
  <si>
    <t>71439</t>
  </si>
  <si>
    <t>11/03/2011 12:00:00 AM</t>
  </si>
  <si>
    <t>161694</t>
  </si>
  <si>
    <t>957</t>
  </si>
  <si>
    <t>42405</t>
  </si>
  <si>
    <t>4565</t>
  </si>
  <si>
    <t>1536000</t>
  </si>
  <si>
    <t>5851</t>
  </si>
  <si>
    <t>1218</t>
  </si>
  <si>
    <t>3850</t>
  </si>
  <si>
    <t>1520</t>
  </si>
  <si>
    <t>27686</t>
  </si>
  <si>
    <t>2981</t>
  </si>
  <si>
    <t>11226</t>
  </si>
  <si>
    <t>11/04/2011 12:00:00 AM</t>
  </si>
  <si>
    <t>1222</t>
  </si>
  <si>
    <t>146000</t>
  </si>
  <si>
    <t>1884</t>
  </si>
  <si>
    <t>1581</t>
  </si>
  <si>
    <t>7820</t>
  </si>
  <si>
    <t>140135</t>
  </si>
  <si>
    <t>2110</t>
  </si>
  <si>
    <t>1265</t>
  </si>
  <si>
    <t>24900</t>
  </si>
  <si>
    <t>9679</t>
  </si>
  <si>
    <t>7906</t>
  </si>
  <si>
    <t>11/05/2011 12:00:00 AM</t>
  </si>
  <si>
    <t>125000</t>
  </si>
  <si>
    <t>7149</t>
  </si>
  <si>
    <t>1233</t>
  </si>
  <si>
    <t>2320</t>
  </si>
  <si>
    <t>11/06/2011 12:00:00 AM</t>
  </si>
  <si>
    <t>1396</t>
  </si>
  <si>
    <t>2600000</t>
  </si>
  <si>
    <t>374</t>
  </si>
  <si>
    <t>61523</t>
  </si>
  <si>
    <t>2604</t>
  </si>
  <si>
    <t>11/07/2011 12:00:00 AM</t>
  </si>
  <si>
    <t>767</t>
  </si>
  <si>
    <t>69964</t>
  </si>
  <si>
    <t>16900</t>
  </si>
  <si>
    <t>11/08/2011 12:00:00 AM</t>
  </si>
  <si>
    <t>77300</t>
  </si>
  <si>
    <t>SAN JOSÉ DE URÉ</t>
  </si>
  <si>
    <t>5157</t>
  </si>
  <si>
    <t>11/09/2011 12:00:00 AM</t>
  </si>
  <si>
    <t>181864</t>
  </si>
  <si>
    <t>3153</t>
  </si>
  <si>
    <t>4500000</t>
  </si>
  <si>
    <t>MAGÜI</t>
  </si>
  <si>
    <t>388000</t>
  </si>
  <si>
    <t>11/10/2011 12:00:00 AM</t>
  </si>
  <si>
    <t>CANALIZACION</t>
  </si>
  <si>
    <t>1130</t>
  </si>
  <si>
    <t>ALCALDIA</t>
  </si>
  <si>
    <t>1531</t>
  </si>
  <si>
    <t>2801</t>
  </si>
  <si>
    <t>63420</t>
  </si>
  <si>
    <t>43300</t>
  </si>
  <si>
    <t>11/11/2011 12:00:00 AM</t>
  </si>
  <si>
    <t>SAN ANTONIO DEL TEQUENDAMA</t>
  </si>
  <si>
    <t>2823</t>
  </si>
  <si>
    <t>16470</t>
  </si>
  <si>
    <t>346099</t>
  </si>
  <si>
    <t>3220000</t>
  </si>
  <si>
    <t>11/12/2011 12:00:00 AM</t>
  </si>
  <si>
    <t>26680</t>
  </si>
  <si>
    <t>3287</t>
  </si>
  <si>
    <t>11/13/2011 12:00:00 AM</t>
  </si>
  <si>
    <t>2089</t>
  </si>
  <si>
    <t>4308000</t>
  </si>
  <si>
    <t>595980</t>
  </si>
  <si>
    <t>11/14/2011 12:00:00 AM</t>
  </si>
  <si>
    <t>6340</t>
  </si>
  <si>
    <t>6961</t>
  </si>
  <si>
    <t>8505</t>
  </si>
  <si>
    <t>11/15/2011 12:00:00 AM</t>
  </si>
  <si>
    <t>71064</t>
  </si>
  <si>
    <t>325000</t>
  </si>
  <si>
    <t>11/16/2011 12:00:00 AM</t>
  </si>
  <si>
    <t>868</t>
  </si>
  <si>
    <t>5335</t>
  </si>
  <si>
    <t>1130000</t>
  </si>
  <si>
    <t>2668</t>
  </si>
  <si>
    <t>3435</t>
  </si>
  <si>
    <t>11/17/2011 12:00:00 AM</t>
  </si>
  <si>
    <t>16520</t>
  </si>
  <si>
    <t>115170</t>
  </si>
  <si>
    <t>95000</t>
  </si>
  <si>
    <t>3108</t>
  </si>
  <si>
    <t>1105</t>
  </si>
  <si>
    <t>31000</t>
  </si>
  <si>
    <t>11/18/2011 12:00:00 AM</t>
  </si>
  <si>
    <t>2513</t>
  </si>
  <si>
    <t>41500</t>
  </si>
  <si>
    <t>8856</t>
  </si>
  <si>
    <t>1711567</t>
  </si>
  <si>
    <t>1854</t>
  </si>
  <si>
    <t>1928</t>
  </si>
  <si>
    <t>11/19/2011 12:00:00 AM</t>
  </si>
  <si>
    <t>220000</t>
  </si>
  <si>
    <t>11125</t>
  </si>
  <si>
    <t>34543</t>
  </si>
  <si>
    <t>11/20/2011 12:00:00 AM</t>
  </si>
  <si>
    <t>51500</t>
  </si>
  <si>
    <t>11/21/2011 12:00:00 AM</t>
  </si>
  <si>
    <t>1298</t>
  </si>
  <si>
    <t>6420</t>
  </si>
  <si>
    <t>299000</t>
  </si>
  <si>
    <t>1254</t>
  </si>
  <si>
    <t>11/22/2011 12:00:00 AM</t>
  </si>
  <si>
    <t>575000</t>
  </si>
  <si>
    <t>2770</t>
  </si>
  <si>
    <t>5913</t>
  </si>
  <si>
    <t>4450</t>
  </si>
  <si>
    <t>11/23/2011 12:00:00 AM</t>
  </si>
  <si>
    <t>3334</t>
  </si>
  <si>
    <t>24850</t>
  </si>
  <si>
    <t>50408</t>
  </si>
  <si>
    <t>2007</t>
  </si>
  <si>
    <t>11/24/2011 12:00:00 AM</t>
  </si>
  <si>
    <t>594</t>
  </si>
  <si>
    <t>2121</t>
  </si>
  <si>
    <t>217977</t>
  </si>
  <si>
    <t>14149</t>
  </si>
  <si>
    <t>7696</t>
  </si>
  <si>
    <t>37030</t>
  </si>
  <si>
    <t>1262</t>
  </si>
  <si>
    <t>11/25/2011 12:00:00 AM</t>
  </si>
  <si>
    <t>2092</t>
  </si>
  <si>
    <t>9005</t>
  </si>
  <si>
    <t>774</t>
  </si>
  <si>
    <t>SATIVASUR</t>
  </si>
  <si>
    <t>2090</t>
  </si>
  <si>
    <t>6428</t>
  </si>
  <si>
    <t>3754</t>
  </si>
  <si>
    <t>390000</t>
  </si>
  <si>
    <t>8963000</t>
  </si>
  <si>
    <t>11/26/2011 12:00:00 AM</t>
  </si>
  <si>
    <t>21548</t>
  </si>
  <si>
    <t>2678</t>
  </si>
  <si>
    <t>1407</t>
  </si>
  <si>
    <t>1733</t>
  </si>
  <si>
    <t>12287</t>
  </si>
  <si>
    <t>2440</t>
  </si>
  <si>
    <t>11/27/2011 12:00:00 AM</t>
  </si>
  <si>
    <t>4562</t>
  </si>
  <si>
    <t>9668</t>
  </si>
  <si>
    <t>11/28/2011 12:00:00 AM</t>
  </si>
  <si>
    <t>3803</t>
  </si>
  <si>
    <t>15508</t>
  </si>
  <si>
    <t>852</t>
  </si>
  <si>
    <t>3570</t>
  </si>
  <si>
    <t>200076</t>
  </si>
  <si>
    <t>1181000</t>
  </si>
  <si>
    <t>11/29/2011 12:00:00 AM</t>
  </si>
  <si>
    <t>185000</t>
  </si>
  <si>
    <t>3075</t>
  </si>
  <si>
    <t>PANQUEBA</t>
  </si>
  <si>
    <t>6348</t>
  </si>
  <si>
    <t>8131</t>
  </si>
  <si>
    <t>49800</t>
  </si>
  <si>
    <t>1900000</t>
  </si>
  <si>
    <t>11/30/2011 12:00:00 AM</t>
  </si>
  <si>
    <t>1018</t>
  </si>
  <si>
    <t>2520000</t>
  </si>
  <si>
    <t>2836</t>
  </si>
  <si>
    <t>8763</t>
  </si>
  <si>
    <t>10941</t>
  </si>
  <si>
    <t>108200</t>
  </si>
  <si>
    <t>7056</t>
  </si>
  <si>
    <t>15219</t>
  </si>
  <si>
    <t>12/01/2011 12:00:00 AM</t>
  </si>
  <si>
    <t>1386</t>
  </si>
  <si>
    <t>CUÍTIVA</t>
  </si>
  <si>
    <t>2385</t>
  </si>
  <si>
    <t>4236</t>
  </si>
  <si>
    <t>11720</t>
  </si>
  <si>
    <t>122162</t>
  </si>
  <si>
    <t>10690</t>
  </si>
  <si>
    <t>12/02/2011 12:00:00 AM</t>
  </si>
  <si>
    <t>2525</t>
  </si>
  <si>
    <t>98050</t>
  </si>
  <si>
    <t>69490</t>
  </si>
  <si>
    <t>3755</t>
  </si>
  <si>
    <t>12/03/2011 12:00:00 AM</t>
  </si>
  <si>
    <t>9935</t>
  </si>
  <si>
    <t>4515</t>
  </si>
  <si>
    <t>12/04/2011 12:00:00 AM</t>
  </si>
  <si>
    <t>1794</t>
  </si>
  <si>
    <t>40619</t>
  </si>
  <si>
    <t>12/05/2011 12:00:00 AM</t>
  </si>
  <si>
    <t>ALGECIRAS</t>
  </si>
  <si>
    <t>135189</t>
  </si>
  <si>
    <t>12/06/2011 12:00:00 AM</t>
  </si>
  <si>
    <t>112572</t>
  </si>
  <si>
    <t>2437</t>
  </si>
  <si>
    <t>4230</t>
  </si>
  <si>
    <t>4635</t>
  </si>
  <si>
    <t>NÁTAGA</t>
  </si>
  <si>
    <t>21749</t>
  </si>
  <si>
    <t>18284</t>
  </si>
  <si>
    <t>37539</t>
  </si>
  <si>
    <t>12/07/2011 12:00:00 AM</t>
  </si>
  <si>
    <t>1086</t>
  </si>
  <si>
    <t>2334060</t>
  </si>
  <si>
    <t>11876</t>
  </si>
  <si>
    <t>12/08/2011 12:00:00 AM</t>
  </si>
  <si>
    <t>5006</t>
  </si>
  <si>
    <t>12/09/2011 12:00:00 AM</t>
  </si>
  <si>
    <t>1059</t>
  </si>
  <si>
    <t>10120</t>
  </si>
  <si>
    <t>SANTANA</t>
  </si>
  <si>
    <t>1647</t>
  </si>
  <si>
    <t>1467</t>
  </si>
  <si>
    <t>2719</t>
  </si>
  <si>
    <t>2554</t>
  </si>
  <si>
    <t>1960</t>
  </si>
  <si>
    <t>4480</t>
  </si>
  <si>
    <t>21640</t>
  </si>
  <si>
    <t>12/10/2011 12:00:00 AM</t>
  </si>
  <si>
    <t>6555</t>
  </si>
  <si>
    <t>489</t>
  </si>
  <si>
    <t>1522000</t>
  </si>
  <si>
    <t>4050</t>
  </si>
  <si>
    <t>12011</t>
  </si>
  <si>
    <t>12/11/2011 12:00:00 AM</t>
  </si>
  <si>
    <t>11231</t>
  </si>
  <si>
    <t>4072</t>
  </si>
  <si>
    <t>50075</t>
  </si>
  <si>
    <t>4000000</t>
  </si>
  <si>
    <t>12/12/2011 12:00:00 AM</t>
  </si>
  <si>
    <t>1565</t>
  </si>
  <si>
    <t>41068</t>
  </si>
  <si>
    <t>12/13/2011 12:00:00 AM</t>
  </si>
  <si>
    <t>2950</t>
  </si>
  <si>
    <t>12/14/2011 12:00:00 AM</t>
  </si>
  <si>
    <t>CHIVOR</t>
  </si>
  <si>
    <t>290000</t>
  </si>
  <si>
    <t>1208</t>
  </si>
  <si>
    <t>1317</t>
  </si>
  <si>
    <t>92440</t>
  </si>
  <si>
    <t>12/15/2011 12:00:00 AM</t>
  </si>
  <si>
    <t>1163</t>
  </si>
  <si>
    <t>11070</t>
  </si>
  <si>
    <t>5480</t>
  </si>
  <si>
    <t>5082</t>
  </si>
  <si>
    <t>1203000</t>
  </si>
  <si>
    <t>459510</t>
  </si>
  <si>
    <t>12/16/2011 12:00:00 AM</t>
  </si>
  <si>
    <t>4755</t>
  </si>
  <si>
    <t>GRAMALOTE</t>
  </si>
  <si>
    <t>1915</t>
  </si>
  <si>
    <t>12/17/2011 12:00:00 AM</t>
  </si>
  <si>
    <t>2268</t>
  </si>
  <si>
    <t>27320</t>
  </si>
  <si>
    <t>224000</t>
  </si>
  <si>
    <t>9045</t>
  </si>
  <si>
    <t>97000</t>
  </si>
  <si>
    <t>12/18/2011 12:00:00 AM</t>
  </si>
  <si>
    <t>1533000</t>
  </si>
  <si>
    <t>4575</t>
  </si>
  <si>
    <t>107000</t>
  </si>
  <si>
    <t>3509</t>
  </si>
  <si>
    <t>12/19/2011 12:00:00 AM</t>
  </si>
  <si>
    <t>8640</t>
  </si>
  <si>
    <t>43104</t>
  </si>
  <si>
    <t>7344</t>
  </si>
  <si>
    <t>21695</t>
  </si>
  <si>
    <t>12/20/2011 12:00:00 AM</t>
  </si>
  <si>
    <t>432400</t>
  </si>
  <si>
    <t>693</t>
  </si>
  <si>
    <t>1279</t>
  </si>
  <si>
    <t>12/21/2011 12:00:00 AM</t>
  </si>
  <si>
    <t>19454</t>
  </si>
  <si>
    <t>1063</t>
  </si>
  <si>
    <t>111000</t>
  </si>
  <si>
    <t>12/22/2011 12:00:00 AM</t>
  </si>
  <si>
    <t>2579</t>
  </si>
  <si>
    <t>2665</t>
  </si>
  <si>
    <t>1095</t>
  </si>
  <si>
    <t>1321</t>
  </si>
  <si>
    <t>7001</t>
  </si>
  <si>
    <t>12/23/2011 12:00:00 AM</t>
  </si>
  <si>
    <t>12/24/2011 12:00:00 AM</t>
  </si>
  <si>
    <t>2752</t>
  </si>
  <si>
    <t>13525</t>
  </si>
  <si>
    <t>9855</t>
  </si>
  <si>
    <t>1808</t>
  </si>
  <si>
    <t>12/25/2011 12:00:00 AM</t>
  </si>
  <si>
    <t>1801</t>
  </si>
  <si>
    <t>12/26/2011 12:00:00 AM</t>
  </si>
  <si>
    <t>13450</t>
  </si>
  <si>
    <t>2960</t>
  </si>
  <si>
    <t>12945</t>
  </si>
  <si>
    <t>12/27/2011 12:00:00 AM</t>
  </si>
  <si>
    <t>11559</t>
  </si>
  <si>
    <t>1054</t>
  </si>
  <si>
    <t>12122</t>
  </si>
  <si>
    <t>TENERIFE</t>
  </si>
  <si>
    <t>12/28/2011 12:00:00 AM</t>
  </si>
  <si>
    <t>15189</t>
  </si>
  <si>
    <t>12/29/2011 12:00:00 AM</t>
  </si>
  <si>
    <t>611000</t>
  </si>
  <si>
    <t>9020</t>
  </si>
  <si>
    <t>TIBIRITA</t>
  </si>
  <si>
    <t>921</t>
  </si>
  <si>
    <t>12/30/2011 12:00:00 AM</t>
  </si>
  <si>
    <t>2625</t>
  </si>
  <si>
    <t>12/31/2011 12:00:00 AM</t>
  </si>
  <si>
    <t>10053</t>
  </si>
  <si>
    <t>BAJO BAUDÓ</t>
  </si>
  <si>
    <t>01/08/2010 12:00:00 AM</t>
  </si>
  <si>
    <t>15070</t>
  </si>
  <si>
    <t>2019</t>
  </si>
  <si>
    <t>2641</t>
  </si>
  <si>
    <t>2576</t>
  </si>
  <si>
    <t>01/07/2010 12:00:00 AM</t>
  </si>
  <si>
    <t>3823</t>
  </si>
  <si>
    <t>2323</t>
  </si>
  <si>
    <t>1439</t>
  </si>
  <si>
    <t>01/06/2010 12:00:00 AM</t>
  </si>
  <si>
    <t>1868</t>
  </si>
  <si>
    <t>3012</t>
  </si>
  <si>
    <t>01/05/2010 12:00:00 AM</t>
  </si>
  <si>
    <t>20695</t>
  </si>
  <si>
    <t>18090</t>
  </si>
  <si>
    <t>12312</t>
  </si>
  <si>
    <t>22444</t>
  </si>
  <si>
    <t>7370</t>
  </si>
  <si>
    <t>5246</t>
  </si>
  <si>
    <t>01/04/2010 12:00:00 AM</t>
  </si>
  <si>
    <t>5503</t>
  </si>
  <si>
    <t>01/03/2010 12:00:00 AM</t>
  </si>
  <si>
    <t>2087</t>
  </si>
  <si>
    <t>2068</t>
  </si>
  <si>
    <t>01/02/2010 12:00:00 AM</t>
  </si>
  <si>
    <t>654</t>
  </si>
  <si>
    <t>4190</t>
  </si>
  <si>
    <t>1098</t>
  </si>
  <si>
    <t>18476</t>
  </si>
  <si>
    <t>01/01/2010 12:00:00 AM</t>
  </si>
  <si>
    <t>8052</t>
  </si>
  <si>
    <t>RÁQUIRA</t>
  </si>
  <si>
    <t>8825</t>
  </si>
  <si>
    <t>03/07/2010 12:00:00 AM</t>
  </si>
  <si>
    <t>47500</t>
  </si>
  <si>
    <t>03/06/2010 12:00:00 AM</t>
  </si>
  <si>
    <t>2046</t>
  </si>
  <si>
    <t>66500</t>
  </si>
  <si>
    <t>2325</t>
  </si>
  <si>
    <t>2740</t>
  </si>
  <si>
    <t>3903</t>
  </si>
  <si>
    <t>5207</t>
  </si>
  <si>
    <t>8012</t>
  </si>
  <si>
    <t>131000</t>
  </si>
  <si>
    <t>2575</t>
  </si>
  <si>
    <t>03/05/2010 12:00:00 AM</t>
  </si>
  <si>
    <t>3303</t>
  </si>
  <si>
    <t>3150</t>
  </si>
  <si>
    <t>1825</t>
  </si>
  <si>
    <t>1800000</t>
  </si>
  <si>
    <t>1871</t>
  </si>
  <si>
    <t>2487</t>
  </si>
  <si>
    <t>11750</t>
  </si>
  <si>
    <t>7196</t>
  </si>
  <si>
    <t>28395</t>
  </si>
  <si>
    <t>3564</t>
  </si>
  <si>
    <t>520100</t>
  </si>
  <si>
    <t>03/04/2010 12:00:00 AM</t>
  </si>
  <si>
    <t>66308</t>
  </si>
  <si>
    <t>03/03/2010 12:00:00 AM</t>
  </si>
  <si>
    <t>7595</t>
  </si>
  <si>
    <t>3211</t>
  </si>
  <si>
    <t>8264</t>
  </si>
  <si>
    <t>3981</t>
  </si>
  <si>
    <t>1531000</t>
  </si>
  <si>
    <t>50035</t>
  </si>
  <si>
    <t>03/02/2010 12:00:00 AM</t>
  </si>
  <si>
    <t>BIBLIOTECA</t>
  </si>
  <si>
    <t>14604</t>
  </si>
  <si>
    <t>53667</t>
  </si>
  <si>
    <t>2448</t>
  </si>
  <si>
    <t>4098</t>
  </si>
  <si>
    <t>760000</t>
  </si>
  <si>
    <t>03/01/2010 12:00:00 AM</t>
  </si>
  <si>
    <t>3018</t>
  </si>
  <si>
    <t>ESTACION M.I.O.</t>
  </si>
  <si>
    <t>2601</t>
  </si>
  <si>
    <t>583</t>
  </si>
  <si>
    <t>99000</t>
  </si>
  <si>
    <t>4202</t>
  </si>
  <si>
    <t>87000</t>
  </si>
  <si>
    <t>3251</t>
  </si>
  <si>
    <t>02/28/2010 12:00:00 AM</t>
  </si>
  <si>
    <t>4425</t>
  </si>
  <si>
    <t>ROBERTO PAYÁN</t>
  </si>
  <si>
    <t>3179</t>
  </si>
  <si>
    <t>12000000</t>
  </si>
  <si>
    <t>1510</t>
  </si>
  <si>
    <t>02/27/2010 12:00:00 AM</t>
  </si>
  <si>
    <t>3316</t>
  </si>
  <si>
    <t>ALPUJARRA</t>
  </si>
  <si>
    <t>ZONAS AZULES - VIA PUBLICA</t>
  </si>
  <si>
    <t>7124</t>
  </si>
  <si>
    <t>4725</t>
  </si>
  <si>
    <t>4435</t>
  </si>
  <si>
    <t>4533</t>
  </si>
  <si>
    <t>888000</t>
  </si>
  <si>
    <t>02/26/2010 12:00:00 AM</t>
  </si>
  <si>
    <t>30030</t>
  </si>
  <si>
    <t>240000</t>
  </si>
  <si>
    <t>4940</t>
  </si>
  <si>
    <t>COYAIMA</t>
  </si>
  <si>
    <t>3190</t>
  </si>
  <si>
    <t>7025</t>
  </si>
  <si>
    <t>EL RETÉN</t>
  </si>
  <si>
    <t>15560</t>
  </si>
  <si>
    <t>5767</t>
  </si>
  <si>
    <t>264066</t>
  </si>
  <si>
    <t>1816</t>
  </si>
  <si>
    <t>3845</t>
  </si>
  <si>
    <t>31267</t>
  </si>
  <si>
    <t>02/25/2010 12:00:00 AM</t>
  </si>
  <si>
    <t>33300</t>
  </si>
  <si>
    <t>4259</t>
  </si>
  <si>
    <t>7476</t>
  </si>
  <si>
    <t>9750</t>
  </si>
  <si>
    <t>5050</t>
  </si>
  <si>
    <t>319239</t>
  </si>
  <si>
    <t>1592</t>
  </si>
  <si>
    <t>02/24/2010 12:00:00 AM</t>
  </si>
  <si>
    <t>2345</t>
  </si>
  <si>
    <t>14002</t>
  </si>
  <si>
    <t>51072</t>
  </si>
  <si>
    <t>4241</t>
  </si>
  <si>
    <t>1486</t>
  </si>
  <si>
    <t>10000000</t>
  </si>
  <si>
    <t>1975</t>
  </si>
  <si>
    <t>02/23/2010 12:00:00 AM</t>
  </si>
  <si>
    <t>8011</t>
  </si>
  <si>
    <t>23242</t>
  </si>
  <si>
    <t>3950</t>
  </si>
  <si>
    <t>8000000</t>
  </si>
  <si>
    <t>1633</t>
  </si>
  <si>
    <t>2005</t>
  </si>
  <si>
    <t>582000</t>
  </si>
  <si>
    <t>02/22/2010 12:00:00 AM</t>
  </si>
  <si>
    <t>155000</t>
  </si>
  <si>
    <t>5062</t>
  </si>
  <si>
    <t>3243</t>
  </si>
  <si>
    <t>02/21/2010 12:00:00 AM</t>
  </si>
  <si>
    <t>2516</t>
  </si>
  <si>
    <t>1511</t>
  </si>
  <si>
    <t>02/20/2010 12:00:00 AM</t>
  </si>
  <si>
    <t>1667</t>
  </si>
  <si>
    <t>8125</t>
  </si>
  <si>
    <t>4138</t>
  </si>
  <si>
    <t>2912</t>
  </si>
  <si>
    <t>7995</t>
  </si>
  <si>
    <t>2393</t>
  </si>
  <si>
    <t>2136</t>
  </si>
  <si>
    <t>1190</t>
  </si>
  <si>
    <t>02/19/2010 12:00:00 AM</t>
  </si>
  <si>
    <t>302529</t>
  </si>
  <si>
    <t>341</t>
  </si>
  <si>
    <t>3600000</t>
  </si>
  <si>
    <t>1709</t>
  </si>
  <si>
    <t>965</t>
  </si>
  <si>
    <t>9252</t>
  </si>
  <si>
    <t>1196</t>
  </si>
  <si>
    <t>221166</t>
  </si>
  <si>
    <t>2445</t>
  </si>
  <si>
    <t>3861</t>
  </si>
  <si>
    <t>2743</t>
  </si>
  <si>
    <t>02/18/2010 12:00:00 AM</t>
  </si>
  <si>
    <t>21378</t>
  </si>
  <si>
    <t>6040</t>
  </si>
  <si>
    <t>41000</t>
  </si>
  <si>
    <t>2797</t>
  </si>
  <si>
    <t>132027</t>
  </si>
  <si>
    <t>6288</t>
  </si>
  <si>
    <t>2327</t>
  </si>
  <si>
    <t>3055</t>
  </si>
  <si>
    <t>02/17/2010 12:00:00 AM</t>
  </si>
  <si>
    <t>42050</t>
  </si>
  <si>
    <t>4996</t>
  </si>
  <si>
    <t>1751</t>
  </si>
  <si>
    <t>2815</t>
  </si>
  <si>
    <t>95700</t>
  </si>
  <si>
    <t>6463</t>
  </si>
  <si>
    <t>2106</t>
  </si>
  <si>
    <t>2164</t>
  </si>
  <si>
    <t>5513</t>
  </si>
  <si>
    <t>02/16/2010 12:00:00 AM</t>
  </si>
  <si>
    <t>1171</t>
  </si>
  <si>
    <t>1913</t>
  </si>
  <si>
    <t>9598</t>
  </si>
  <si>
    <t>6602</t>
  </si>
  <si>
    <t>50200</t>
  </si>
  <si>
    <t>1988</t>
  </si>
  <si>
    <t>6072</t>
  </si>
  <si>
    <t>02/15/2010 12:00:00 AM</t>
  </si>
  <si>
    <t>3089</t>
  </si>
  <si>
    <t>3083</t>
  </si>
  <si>
    <t>2438</t>
  </si>
  <si>
    <t>6845</t>
  </si>
  <si>
    <t>207000</t>
  </si>
  <si>
    <t>02/14/2010 12:00:00 AM</t>
  </si>
  <si>
    <t>410000</t>
  </si>
  <si>
    <t>4541</t>
  </si>
  <si>
    <t>2008</t>
  </si>
  <si>
    <t>1644</t>
  </si>
  <si>
    <t>113000</t>
  </si>
  <si>
    <t>02/13/2010 12:00:00 AM</t>
  </si>
  <si>
    <t>1656</t>
  </si>
  <si>
    <t>1674</t>
  </si>
  <si>
    <t>3029</t>
  </si>
  <si>
    <t>18232</t>
  </si>
  <si>
    <t>1624</t>
  </si>
  <si>
    <t>556</t>
  </si>
  <si>
    <t>1881</t>
  </si>
  <si>
    <t>3188</t>
  </si>
  <si>
    <t>4379</t>
  </si>
  <si>
    <t>02/12/2010 12:00:00 AM</t>
  </si>
  <si>
    <t>8629</t>
  </si>
  <si>
    <t>2133</t>
  </si>
  <si>
    <t>6534</t>
  </si>
  <si>
    <t>3686</t>
  </si>
  <si>
    <t>5592</t>
  </si>
  <si>
    <t>866</t>
  </si>
  <si>
    <t>10405</t>
  </si>
  <si>
    <t>16724</t>
  </si>
  <si>
    <t>47623</t>
  </si>
  <si>
    <t>2435</t>
  </si>
  <si>
    <t>17015</t>
  </si>
  <si>
    <t>02/11/2010 12:00:00 AM</t>
  </si>
  <si>
    <t>3684</t>
  </si>
  <si>
    <t>8159</t>
  </si>
  <si>
    <t>5090</t>
  </si>
  <si>
    <t>PAZ DE RÍO</t>
  </si>
  <si>
    <t>1331</t>
  </si>
  <si>
    <t>02/10/2010 12:00:00 AM</t>
  </si>
  <si>
    <t>17424</t>
  </si>
  <si>
    <t>5328</t>
  </si>
  <si>
    <t>5725</t>
  </si>
  <si>
    <t>3955</t>
  </si>
  <si>
    <t>10200</t>
  </si>
  <si>
    <t>1372</t>
  </si>
  <si>
    <t>5770</t>
  </si>
  <si>
    <t>02/09/2010 12:00:00 AM</t>
  </si>
  <si>
    <t>6493</t>
  </si>
  <si>
    <t>4289</t>
  </si>
  <si>
    <t>7297</t>
  </si>
  <si>
    <t>1629</t>
  </si>
  <si>
    <t>22300</t>
  </si>
  <si>
    <t>26747</t>
  </si>
  <si>
    <t>5418</t>
  </si>
  <si>
    <t>1313</t>
  </si>
  <si>
    <t>13922</t>
  </si>
  <si>
    <t>4253</t>
  </si>
  <si>
    <t>02/08/2010 12:00:00 AM</t>
  </si>
  <si>
    <t>177000</t>
  </si>
  <si>
    <t>3032</t>
  </si>
  <si>
    <t>4140</t>
  </si>
  <si>
    <t>NÓVITA</t>
  </si>
  <si>
    <t>14460</t>
  </si>
  <si>
    <t>02/07/2010 12:00:00 AM</t>
  </si>
  <si>
    <t>103046</t>
  </si>
  <si>
    <t>2371</t>
  </si>
  <si>
    <t>1029</t>
  </si>
  <si>
    <t>02/06/2010 12:00:00 AM</t>
  </si>
  <si>
    <t>2272</t>
  </si>
  <si>
    <t>1243</t>
  </si>
  <si>
    <t>PEDRAZA</t>
  </si>
  <si>
    <t>1341</t>
  </si>
  <si>
    <t>TIQUISIO</t>
  </si>
  <si>
    <t>9722</t>
  </si>
  <si>
    <t>5459</t>
  </si>
  <si>
    <t>02/05/2010 12:00:00 AM</t>
  </si>
  <si>
    <t>3261</t>
  </si>
  <si>
    <t>221000</t>
  </si>
  <si>
    <t>27225</t>
  </si>
  <si>
    <t>17035</t>
  </si>
  <si>
    <t>3749</t>
  </si>
  <si>
    <t>5164</t>
  </si>
  <si>
    <t>999</t>
  </si>
  <si>
    <t>8351</t>
  </si>
  <si>
    <t>7710</t>
  </si>
  <si>
    <t>5712</t>
  </si>
  <si>
    <t>3975</t>
  </si>
  <si>
    <t>02/04/2010 12:00:00 AM</t>
  </si>
  <si>
    <t>2506</t>
  </si>
  <si>
    <t>39600</t>
  </si>
  <si>
    <t>ALIMENTADOR BUS M.I.O.</t>
  </si>
  <si>
    <t>5088</t>
  </si>
  <si>
    <t>9593</t>
  </si>
  <si>
    <t>9995</t>
  </si>
  <si>
    <t>70500</t>
  </si>
  <si>
    <t>1349</t>
  </si>
  <si>
    <t>10688</t>
  </si>
  <si>
    <t>02/03/2010 12:00:00 AM</t>
  </si>
  <si>
    <t>21520</t>
  </si>
  <si>
    <t>1742</t>
  </si>
  <si>
    <t>17296</t>
  </si>
  <si>
    <t>5037</t>
  </si>
  <si>
    <t>1122</t>
  </si>
  <si>
    <t>80207</t>
  </si>
  <si>
    <t>7839</t>
  </si>
  <si>
    <t>02/02/2010 12:00:00 AM</t>
  </si>
  <si>
    <t>465000</t>
  </si>
  <si>
    <t>252000</t>
  </si>
  <si>
    <t>1857</t>
  </si>
  <si>
    <t>5197</t>
  </si>
  <si>
    <t>4454</t>
  </si>
  <si>
    <t>02/01/2010 12:00:00 AM</t>
  </si>
  <si>
    <t>11500</t>
  </si>
  <si>
    <t>68700</t>
  </si>
  <si>
    <t>5310</t>
  </si>
  <si>
    <t>6205</t>
  </si>
  <si>
    <t>01/31/2010 12:00:00 AM</t>
  </si>
  <si>
    <t>108830</t>
  </si>
  <si>
    <t>5112</t>
  </si>
  <si>
    <t>REGIDOR</t>
  </si>
  <si>
    <t>1989</t>
  </si>
  <si>
    <t>1326</t>
  </si>
  <si>
    <t>01/30/2010 12:00:00 AM</t>
  </si>
  <si>
    <t>1213556</t>
  </si>
  <si>
    <t>6290</t>
  </si>
  <si>
    <t>3408</t>
  </si>
  <si>
    <t>3086</t>
  </si>
  <si>
    <t>20193</t>
  </si>
  <si>
    <t>81417</t>
  </si>
  <si>
    <t>01/29/2010 12:00:00 AM</t>
  </si>
  <si>
    <t>2942</t>
  </si>
  <si>
    <t>4109</t>
  </si>
  <si>
    <t>169021</t>
  </si>
  <si>
    <t>2948</t>
  </si>
  <si>
    <t>678</t>
  </si>
  <si>
    <t>157605</t>
  </si>
  <si>
    <t>5411</t>
  </si>
  <si>
    <t>4582</t>
  </si>
  <si>
    <t>3040</t>
  </si>
  <si>
    <t>23025</t>
  </si>
  <si>
    <t>01/28/2010 12:00:00 AM</t>
  </si>
  <si>
    <t>5956</t>
  </si>
  <si>
    <t>TARQUI</t>
  </si>
  <si>
    <t>9466</t>
  </si>
  <si>
    <t>96000</t>
  </si>
  <si>
    <t>1478</t>
  </si>
  <si>
    <t>3908000</t>
  </si>
  <si>
    <t>17108</t>
  </si>
  <si>
    <t>01/27/2010 12:00:00 AM</t>
  </si>
  <si>
    <t>544</t>
  </si>
  <si>
    <t>9900</t>
  </si>
  <si>
    <t>6478</t>
  </si>
  <si>
    <t>FALAN</t>
  </si>
  <si>
    <t>2364</t>
  </si>
  <si>
    <t>1653</t>
  </si>
  <si>
    <t>13368</t>
  </si>
  <si>
    <t>6370</t>
  </si>
  <si>
    <t>10545</t>
  </si>
  <si>
    <t>SÁCHICA</t>
  </si>
  <si>
    <t>5769</t>
  </si>
  <si>
    <t>23223</t>
  </si>
  <si>
    <t>01/26/2010 12:00:00 AM</t>
  </si>
  <si>
    <t>4406</t>
  </si>
  <si>
    <t>67000</t>
  </si>
  <si>
    <t>2900</t>
  </si>
  <si>
    <t>25800</t>
  </si>
  <si>
    <t>1032</t>
  </si>
  <si>
    <t>109000</t>
  </si>
  <si>
    <t>6848</t>
  </si>
  <si>
    <t>724</t>
  </si>
  <si>
    <t>11081</t>
  </si>
  <si>
    <t>911487</t>
  </si>
  <si>
    <t>478000</t>
  </si>
  <si>
    <t>01/25/2010 12:00:00 AM</t>
  </si>
  <si>
    <t>2082</t>
  </si>
  <si>
    <t>3265</t>
  </si>
  <si>
    <t>3159</t>
  </si>
  <si>
    <t>2241</t>
  </si>
  <si>
    <t>2319</t>
  </si>
  <si>
    <t>442000</t>
  </si>
  <si>
    <t>5790</t>
  </si>
  <si>
    <t>1094</t>
  </si>
  <si>
    <t>449700</t>
  </si>
  <si>
    <t>01/24/2010 12:00:00 AM</t>
  </si>
  <si>
    <t>2959</t>
  </si>
  <si>
    <t>3259</t>
  </si>
  <si>
    <t>4201</t>
  </si>
  <si>
    <t>01/23/2010 12:00:00 AM</t>
  </si>
  <si>
    <t>2528</t>
  </si>
  <si>
    <t>12624</t>
  </si>
  <si>
    <t>134000</t>
  </si>
  <si>
    <t>2762</t>
  </si>
  <si>
    <t>01/22/2010 12:00:00 AM</t>
  </si>
  <si>
    <t>9235</t>
  </si>
  <si>
    <t>9163</t>
  </si>
  <si>
    <t>4047</t>
  </si>
  <si>
    <t>01/21/2010 12:00:00 AM</t>
  </si>
  <si>
    <t>11708</t>
  </si>
  <si>
    <t>8320</t>
  </si>
  <si>
    <t>29750</t>
  </si>
  <si>
    <t>27305</t>
  </si>
  <si>
    <t>01/20/2010 12:00:00 AM</t>
  </si>
  <si>
    <t>1424</t>
  </si>
  <si>
    <t>1686</t>
  </si>
  <si>
    <t>772</t>
  </si>
  <si>
    <t>ELÍAS</t>
  </si>
  <si>
    <t>5143</t>
  </si>
  <si>
    <t>216298</t>
  </si>
  <si>
    <t>01/19/2010 12:00:00 AM</t>
  </si>
  <si>
    <t>2689</t>
  </si>
  <si>
    <t>912</t>
  </si>
  <si>
    <t>3787</t>
  </si>
  <si>
    <t>25436</t>
  </si>
  <si>
    <t>941</t>
  </si>
  <si>
    <t>61937</t>
  </si>
  <si>
    <t>01/18/2010 12:00:00 AM</t>
  </si>
  <si>
    <t>19541</t>
  </si>
  <si>
    <t>1465</t>
  </si>
  <si>
    <t>01/17/2010 12:00:00 AM</t>
  </si>
  <si>
    <t>1690</t>
  </si>
  <si>
    <t>4057</t>
  </si>
  <si>
    <t>4927000</t>
  </si>
  <si>
    <t>CUCUTILLA</t>
  </si>
  <si>
    <t>27300</t>
  </si>
  <si>
    <t>2890</t>
  </si>
  <si>
    <t>10740</t>
  </si>
  <si>
    <t>42720</t>
  </si>
  <si>
    <t>2978</t>
  </si>
  <si>
    <t>01/16/2010 12:00:00 AM</t>
  </si>
  <si>
    <t>2096</t>
  </si>
  <si>
    <t>3523</t>
  </si>
  <si>
    <t>108000</t>
  </si>
  <si>
    <t>01/15/2010 12:00:00 AM</t>
  </si>
  <si>
    <t>77000</t>
  </si>
  <si>
    <t>5281</t>
  </si>
  <si>
    <t>4914</t>
  </si>
  <si>
    <t>5085</t>
  </si>
  <si>
    <t>350963</t>
  </si>
  <si>
    <t>1015000</t>
  </si>
  <si>
    <t>15143</t>
  </si>
  <si>
    <t>24190</t>
  </si>
  <si>
    <t>01/14/2010 12:00:00 AM</t>
  </si>
  <si>
    <t>3847</t>
  </si>
  <si>
    <t>2621</t>
  </si>
  <si>
    <t>PALMAS DEL SOCORRO</t>
  </si>
  <si>
    <t>3005</t>
  </si>
  <si>
    <t>102800</t>
  </si>
  <si>
    <t>196040</t>
  </si>
  <si>
    <t>3051</t>
  </si>
  <si>
    <t>01/13/2010 12:00:00 AM</t>
  </si>
  <si>
    <t>1319</t>
  </si>
  <si>
    <t>764</t>
  </si>
  <si>
    <t>26885</t>
  </si>
  <si>
    <t>3186</t>
  </si>
  <si>
    <t>1672</t>
  </si>
  <si>
    <t>01/12/2010 12:00:00 AM</t>
  </si>
  <si>
    <t>1837</t>
  </si>
  <si>
    <t>17165</t>
  </si>
  <si>
    <t>5435</t>
  </si>
  <si>
    <t>2741</t>
  </si>
  <si>
    <t>12100</t>
  </si>
  <si>
    <t>851</t>
  </si>
  <si>
    <t>01/11/2010 12:00:00 AM</t>
  </si>
  <si>
    <t>2734</t>
  </si>
  <si>
    <t>51994</t>
  </si>
  <si>
    <t>01/10/2010 12:00:00 AM</t>
  </si>
  <si>
    <t>1433</t>
  </si>
  <si>
    <t>46600</t>
  </si>
  <si>
    <t>01/09/2010 12:00:00 AM</t>
  </si>
  <si>
    <t>2388</t>
  </si>
  <si>
    <t>4382</t>
  </si>
  <si>
    <t>3724</t>
  </si>
  <si>
    <t>1682</t>
  </si>
  <si>
    <t>1811</t>
  </si>
  <si>
    <t>CASETA VIGILANCIA CONJUNTO RESIDENCIAL</t>
  </si>
  <si>
    <t>4774</t>
  </si>
  <si>
    <t>04/01/2010 12:00:00 AM</t>
  </si>
  <si>
    <t>40008</t>
  </si>
  <si>
    <t>1147</t>
  </si>
  <si>
    <t>03/31/2010 12:00:00 AM</t>
  </si>
  <si>
    <t>218300</t>
  </si>
  <si>
    <t>749</t>
  </si>
  <si>
    <t>1532004</t>
  </si>
  <si>
    <t>4268</t>
  </si>
  <si>
    <t>4665</t>
  </si>
  <si>
    <t>03/30/2010 12:00:00 AM</t>
  </si>
  <si>
    <t>3867</t>
  </si>
  <si>
    <t>2572</t>
  </si>
  <si>
    <t>81150</t>
  </si>
  <si>
    <t>03/29/2010 12:00:00 AM</t>
  </si>
  <si>
    <t>1628</t>
  </si>
  <si>
    <t>5606</t>
  </si>
  <si>
    <t>1135</t>
  </si>
  <si>
    <t>35200</t>
  </si>
  <si>
    <t>03/28/2010 12:00:00 AM</t>
  </si>
  <si>
    <t>3969</t>
  </si>
  <si>
    <t>7635</t>
  </si>
  <si>
    <t>3645</t>
  </si>
  <si>
    <t>3058</t>
  </si>
  <si>
    <t>5084</t>
  </si>
  <si>
    <t>2206</t>
  </si>
  <si>
    <t>3174</t>
  </si>
  <si>
    <t>03/27/2010 12:00:00 AM</t>
  </si>
  <si>
    <t>44737</t>
  </si>
  <si>
    <t>473000</t>
  </si>
  <si>
    <t>9415</t>
  </si>
  <si>
    <t>12745</t>
  </si>
  <si>
    <t>16074</t>
  </si>
  <si>
    <t>18300</t>
  </si>
  <si>
    <t>918</t>
  </si>
  <si>
    <t>03/26/2010 12:00:00 AM</t>
  </si>
  <si>
    <t>190300</t>
  </si>
  <si>
    <t>1541</t>
  </si>
  <si>
    <t>8935</t>
  </si>
  <si>
    <t>19720</t>
  </si>
  <si>
    <t>1039</t>
  </si>
  <si>
    <t>SABANAS DE SAN ANGEL</t>
  </si>
  <si>
    <t>7805</t>
  </si>
  <si>
    <t>1423</t>
  </si>
  <si>
    <t>139500</t>
  </si>
  <si>
    <t>1574</t>
  </si>
  <si>
    <t>210500</t>
  </si>
  <si>
    <t>03/25/2010 12:00:00 AM</t>
  </si>
  <si>
    <t>8340</t>
  </si>
  <si>
    <t>4512</t>
  </si>
  <si>
    <t>4810</t>
  </si>
  <si>
    <t>TIMBIQUÍ</t>
  </si>
  <si>
    <t>404000</t>
  </si>
  <si>
    <t>3015</t>
  </si>
  <si>
    <t>1267</t>
  </si>
  <si>
    <t>03/24/2010 12:00:00 AM</t>
  </si>
  <si>
    <t>2945</t>
  </si>
  <si>
    <t>2465</t>
  </si>
  <si>
    <t>10514</t>
  </si>
  <si>
    <t>196000</t>
  </si>
  <si>
    <t>144000</t>
  </si>
  <si>
    <t>619</t>
  </si>
  <si>
    <t>6323</t>
  </si>
  <si>
    <t>11653</t>
  </si>
  <si>
    <t>12709</t>
  </si>
  <si>
    <t>03/23/2010 12:00:00 AM</t>
  </si>
  <si>
    <t>25709</t>
  </si>
  <si>
    <t>RAGONVALIA</t>
  </si>
  <si>
    <t>4258</t>
  </si>
  <si>
    <t>6791</t>
  </si>
  <si>
    <t>14219</t>
  </si>
  <si>
    <t>1303</t>
  </si>
  <si>
    <t>1513</t>
  </si>
  <si>
    <t>2101</t>
  </si>
  <si>
    <t>3423</t>
  </si>
  <si>
    <t>03/22/2010 12:00:00 AM</t>
  </si>
  <si>
    <t>TIPO EXPLOTACIÓN ORO</t>
  </si>
  <si>
    <t>1865</t>
  </si>
  <si>
    <t>907</t>
  </si>
  <si>
    <t>1040000</t>
  </si>
  <si>
    <t>03/21/2010 12:00:00 AM</t>
  </si>
  <si>
    <t>92070</t>
  </si>
  <si>
    <t>5183000</t>
  </si>
  <si>
    <t>30355</t>
  </si>
  <si>
    <t>1007</t>
  </si>
  <si>
    <t>82023</t>
  </si>
  <si>
    <t>48069</t>
  </si>
  <si>
    <t>3110</t>
  </si>
  <si>
    <t>03/20/2010 12:00:00 AM</t>
  </si>
  <si>
    <t>12645</t>
  </si>
  <si>
    <t>763000</t>
  </si>
  <si>
    <t>323000</t>
  </si>
  <si>
    <t>3161</t>
  </si>
  <si>
    <t>1660000</t>
  </si>
  <si>
    <t>61143</t>
  </si>
  <si>
    <t>469517</t>
  </si>
  <si>
    <t>4429</t>
  </si>
  <si>
    <t>16025</t>
  </si>
  <si>
    <t>54983</t>
  </si>
  <si>
    <t>1017</t>
  </si>
  <si>
    <t>62700</t>
  </si>
  <si>
    <t>03/19/2010 12:00:00 AM</t>
  </si>
  <si>
    <t>10869</t>
  </si>
  <si>
    <t>2747</t>
  </si>
  <si>
    <t>2879</t>
  </si>
  <si>
    <t>447700</t>
  </si>
  <si>
    <t>3280</t>
  </si>
  <si>
    <t>1023000</t>
  </si>
  <si>
    <t>104121</t>
  </si>
  <si>
    <t>248000</t>
  </si>
  <si>
    <t>29005</t>
  </si>
  <si>
    <t>51436</t>
  </si>
  <si>
    <t>6218</t>
  </si>
  <si>
    <t>03/18/2010 12:00:00 AM</t>
  </si>
  <si>
    <t>1804</t>
  </si>
  <si>
    <t>170015</t>
  </si>
  <si>
    <t>1088</t>
  </si>
  <si>
    <t>13600</t>
  </si>
  <si>
    <t>9182</t>
  </si>
  <si>
    <t>2566</t>
  </si>
  <si>
    <t>4714</t>
  </si>
  <si>
    <t>8444</t>
  </si>
  <si>
    <t>699</t>
  </si>
  <si>
    <t>1136</t>
  </si>
  <si>
    <t>20940</t>
  </si>
  <si>
    <t>31373</t>
  </si>
  <si>
    <t>21852</t>
  </si>
  <si>
    <t>12211</t>
  </si>
  <si>
    <t>20537</t>
  </si>
  <si>
    <t>60008</t>
  </si>
  <si>
    <t>03/17/2010 12:00:00 AM</t>
  </si>
  <si>
    <t>17800</t>
  </si>
  <si>
    <t>7106</t>
  </si>
  <si>
    <t>1154</t>
  </si>
  <si>
    <t>21853</t>
  </si>
  <si>
    <t>2380</t>
  </si>
  <si>
    <t>03/16/2010 12:00:00 AM</t>
  </si>
  <si>
    <t>30150</t>
  </si>
  <si>
    <t>28910</t>
  </si>
  <si>
    <t>125855</t>
  </si>
  <si>
    <t>70800</t>
  </si>
  <si>
    <t>24260</t>
  </si>
  <si>
    <t>6893</t>
  </si>
  <si>
    <t>3333</t>
  </si>
  <si>
    <t>03/15/2010 12:00:00 AM</t>
  </si>
  <si>
    <t>205000</t>
  </si>
  <si>
    <t>5183</t>
  </si>
  <si>
    <t>4352</t>
  </si>
  <si>
    <t>7383</t>
  </si>
  <si>
    <t>03/14/2010 12:00:00 AM</t>
  </si>
  <si>
    <t>12556</t>
  </si>
  <si>
    <t>1425</t>
  </si>
  <si>
    <t>25079</t>
  </si>
  <si>
    <t>2988</t>
  </si>
  <si>
    <t>03/13/2010 12:00:00 AM</t>
  </si>
  <si>
    <t>3282</t>
  </si>
  <si>
    <t>5176</t>
  </si>
  <si>
    <t>39856</t>
  </si>
  <si>
    <t>CHISCAS</t>
  </si>
  <si>
    <t>03/12/2010 12:00:00 AM</t>
  </si>
  <si>
    <t>TEATROS</t>
  </si>
  <si>
    <t>3075000</t>
  </si>
  <si>
    <t>5032</t>
  </si>
  <si>
    <t>123020</t>
  </si>
  <si>
    <t>2571</t>
  </si>
  <si>
    <t>4214</t>
  </si>
  <si>
    <t>6080000</t>
  </si>
  <si>
    <t>URUMITA</t>
  </si>
  <si>
    <t>GUATAQUÍ</t>
  </si>
  <si>
    <t>101200</t>
  </si>
  <si>
    <t>03/11/2010 12:00:00 AM</t>
  </si>
  <si>
    <t>4539</t>
  </si>
  <si>
    <t>2816</t>
  </si>
  <si>
    <t>200170</t>
  </si>
  <si>
    <t>6523</t>
  </si>
  <si>
    <t>MEDIO SAN JUAN</t>
  </si>
  <si>
    <t>1829</t>
  </si>
  <si>
    <t>03/10/2010 12:00:00 AM</t>
  </si>
  <si>
    <t>7646</t>
  </si>
  <si>
    <t>2888</t>
  </si>
  <si>
    <t>03/09/2010 12:00:00 AM</t>
  </si>
  <si>
    <t>4581</t>
  </si>
  <si>
    <t>1594</t>
  </si>
  <si>
    <t>10541</t>
  </si>
  <si>
    <t>2483</t>
  </si>
  <si>
    <t>SOTARA</t>
  </si>
  <si>
    <t>18354</t>
  </si>
  <si>
    <t>30500</t>
  </si>
  <si>
    <t>2298</t>
  </si>
  <si>
    <t>16400</t>
  </si>
  <si>
    <t>03/08/2010 12:00:00 AM</t>
  </si>
  <si>
    <t>8670</t>
  </si>
  <si>
    <t>5486</t>
  </si>
  <si>
    <t>1605</t>
  </si>
  <si>
    <t>2765</t>
  </si>
  <si>
    <t>4625</t>
  </si>
  <si>
    <t>05/29/2010 12:00:00 AM</t>
  </si>
  <si>
    <t>4058</t>
  </si>
  <si>
    <t>05/28/2010 12:00:00 AM</t>
  </si>
  <si>
    <t>3831</t>
  </si>
  <si>
    <t>4663</t>
  </si>
  <si>
    <t>3795</t>
  </si>
  <si>
    <t>MESETAS</t>
  </si>
  <si>
    <t>6395</t>
  </si>
  <si>
    <t>1311</t>
  </si>
  <si>
    <t>320000</t>
  </si>
  <si>
    <t>3891</t>
  </si>
  <si>
    <t>1146</t>
  </si>
  <si>
    <t>7600</t>
  </si>
  <si>
    <t>05/27/2010 12:00:00 AM</t>
  </si>
  <si>
    <t>5747</t>
  </si>
  <si>
    <t>201800</t>
  </si>
  <si>
    <t>142420</t>
  </si>
  <si>
    <t>4260</t>
  </si>
  <si>
    <t>6563</t>
  </si>
  <si>
    <t>984</t>
  </si>
  <si>
    <t>33189</t>
  </si>
  <si>
    <t>05/26/2010 12:00:00 AM</t>
  </si>
  <si>
    <t>414000</t>
  </si>
  <si>
    <t>1843</t>
  </si>
  <si>
    <t>4460</t>
  </si>
  <si>
    <t>3045</t>
  </si>
  <si>
    <t>05/25/2010 12:00:00 AM</t>
  </si>
  <si>
    <t>3634</t>
  </si>
  <si>
    <t>7140</t>
  </si>
  <si>
    <t>131489</t>
  </si>
  <si>
    <t>5203</t>
  </si>
  <si>
    <t>101250</t>
  </si>
  <si>
    <t>18236</t>
  </si>
  <si>
    <t>2161</t>
  </si>
  <si>
    <t>05/24/2010 12:00:00 AM</t>
  </si>
  <si>
    <t>1876</t>
  </si>
  <si>
    <t>1483000</t>
  </si>
  <si>
    <t>2633</t>
  </si>
  <si>
    <t>1702</t>
  </si>
  <si>
    <t>1437</t>
  </si>
  <si>
    <t>2515</t>
  </si>
  <si>
    <t>05/23/2010 12:00:00 AM</t>
  </si>
  <si>
    <t>6305</t>
  </si>
  <si>
    <t>1529</t>
  </si>
  <si>
    <t>5325</t>
  </si>
  <si>
    <t>175180</t>
  </si>
  <si>
    <t>05/22/2010 12:00:00 AM</t>
  </si>
  <si>
    <t>2653</t>
  </si>
  <si>
    <t>22785</t>
  </si>
  <si>
    <t>3230</t>
  </si>
  <si>
    <t>32083</t>
  </si>
  <si>
    <t>5419</t>
  </si>
  <si>
    <t>979</t>
  </si>
  <si>
    <t>856</t>
  </si>
  <si>
    <t>129000</t>
  </si>
  <si>
    <t>ARAUQUITA</t>
  </si>
  <si>
    <t>8393</t>
  </si>
  <si>
    <t>05/21/2010 12:00:00 AM</t>
  </si>
  <si>
    <t>72250</t>
  </si>
  <si>
    <t>14336</t>
  </si>
  <si>
    <t>595000</t>
  </si>
  <si>
    <t>13773</t>
  </si>
  <si>
    <t>149743</t>
  </si>
  <si>
    <t>272000</t>
  </si>
  <si>
    <t>12477</t>
  </si>
  <si>
    <t>79197</t>
  </si>
  <si>
    <t>121725</t>
  </si>
  <si>
    <t>05/20/2010 12:00:00 AM</t>
  </si>
  <si>
    <t>67108</t>
  </si>
  <si>
    <t>2552</t>
  </si>
  <si>
    <t>4427</t>
  </si>
  <si>
    <t>9990</t>
  </si>
  <si>
    <t>22255</t>
  </si>
  <si>
    <t>5595</t>
  </si>
  <si>
    <t>143906</t>
  </si>
  <si>
    <t>11700</t>
  </si>
  <si>
    <t>05/19/2010 12:00:00 AM</t>
  </si>
  <si>
    <t>23720</t>
  </si>
  <si>
    <t>8515</t>
  </si>
  <si>
    <t>QUITO</t>
  </si>
  <si>
    <t>4555</t>
  </si>
  <si>
    <t>2910</t>
  </si>
  <si>
    <t>5284</t>
  </si>
  <si>
    <t>246900</t>
  </si>
  <si>
    <t>3915</t>
  </si>
  <si>
    <t>11665</t>
  </si>
  <si>
    <t>05/18/2010 12:00:00 AM</t>
  </si>
  <si>
    <t>1879</t>
  </si>
  <si>
    <t>3852</t>
  </si>
  <si>
    <t>4092</t>
  </si>
  <si>
    <t>6141</t>
  </si>
  <si>
    <t>7705</t>
  </si>
  <si>
    <t>2085</t>
  </si>
  <si>
    <t>9913</t>
  </si>
  <si>
    <t>1033</t>
  </si>
  <si>
    <t>05/17/2010 12:00:00 AM</t>
  </si>
  <si>
    <t>05/16/2010 12:00:00 AM</t>
  </si>
  <si>
    <t>4400</t>
  </si>
  <si>
    <t>51135</t>
  </si>
  <si>
    <t>5223</t>
  </si>
  <si>
    <t>05/15/2010 12:00:00 AM</t>
  </si>
  <si>
    <t>1491</t>
  </si>
  <si>
    <t>5358</t>
  </si>
  <si>
    <t>4897</t>
  </si>
  <si>
    <t>1332</t>
  </si>
  <si>
    <t>3224</t>
  </si>
  <si>
    <t>05/14/2010 12:00:00 AM</t>
  </si>
  <si>
    <t>10500</t>
  </si>
  <si>
    <t>SAN ANTONIO</t>
  </si>
  <si>
    <t>DOLORES</t>
  </si>
  <si>
    <t>236500</t>
  </si>
  <si>
    <t>5218</t>
  </si>
  <si>
    <t>3899</t>
  </si>
  <si>
    <t>GARAJE</t>
  </si>
  <si>
    <t>05/13/2010 12:00:00 AM</t>
  </si>
  <si>
    <t>1353</t>
  </si>
  <si>
    <t>1028000</t>
  </si>
  <si>
    <t>15469</t>
  </si>
  <si>
    <t>4709</t>
  </si>
  <si>
    <t>1244</t>
  </si>
  <si>
    <t>24271</t>
  </si>
  <si>
    <t>1579</t>
  </si>
  <si>
    <t>5233</t>
  </si>
  <si>
    <t>05/12/2010 12:00:00 AM</t>
  </si>
  <si>
    <t>91311</t>
  </si>
  <si>
    <t>945443</t>
  </si>
  <si>
    <t>8835</t>
  </si>
  <si>
    <t>7242</t>
  </si>
  <si>
    <t>10880</t>
  </si>
  <si>
    <t>1861</t>
  </si>
  <si>
    <t>5355</t>
  </si>
  <si>
    <t>709</t>
  </si>
  <si>
    <t>28055</t>
  </si>
  <si>
    <t>1851</t>
  </si>
  <si>
    <t>05/11/2010 12:00:00 AM</t>
  </si>
  <si>
    <t>66125</t>
  </si>
  <si>
    <t>2682</t>
  </si>
  <si>
    <t>3957</t>
  </si>
  <si>
    <t>9085</t>
  </si>
  <si>
    <t>3411</t>
  </si>
  <si>
    <t>79158</t>
  </si>
  <si>
    <t>2574</t>
  </si>
  <si>
    <t>05/10/2010 12:00:00 AM</t>
  </si>
  <si>
    <t>5026</t>
  </si>
  <si>
    <t>705</t>
  </si>
  <si>
    <t>99967</t>
  </si>
  <si>
    <t>1985</t>
  </si>
  <si>
    <t>12118</t>
  </si>
  <si>
    <t>32795</t>
  </si>
  <si>
    <t>2370</t>
  </si>
  <si>
    <t>2314</t>
  </si>
  <si>
    <t>05/09/2010 12:00:00 AM</t>
  </si>
  <si>
    <t>1549</t>
  </si>
  <si>
    <t>495000</t>
  </si>
  <si>
    <t>12595</t>
  </si>
  <si>
    <t>14950</t>
  </si>
  <si>
    <t>1446</t>
  </si>
  <si>
    <t>3594</t>
  </si>
  <si>
    <t>05/08/2010 12:00:00 AM</t>
  </si>
  <si>
    <t>3260</t>
  </si>
  <si>
    <t>10010</t>
  </si>
  <si>
    <t>6666</t>
  </si>
  <si>
    <t>48465</t>
  </si>
  <si>
    <t>277600</t>
  </si>
  <si>
    <t>05/07/2010 12:00:00 AM</t>
  </si>
  <si>
    <t>17833</t>
  </si>
  <si>
    <t>16845</t>
  </si>
  <si>
    <t>1608</t>
  </si>
  <si>
    <t>05/06/2010 12:00:00 AM</t>
  </si>
  <si>
    <t>1131</t>
  </si>
  <si>
    <t>176000</t>
  </si>
  <si>
    <t>12077</t>
  </si>
  <si>
    <t>50400</t>
  </si>
  <si>
    <t>3011</t>
  </si>
  <si>
    <t>05/05/2010 12:00:00 AM</t>
  </si>
  <si>
    <t>5178</t>
  </si>
  <si>
    <t>264000</t>
  </si>
  <si>
    <t>14124</t>
  </si>
  <si>
    <t>7407</t>
  </si>
  <si>
    <t>3010</t>
  </si>
  <si>
    <t>2256</t>
  </si>
  <si>
    <t>34850</t>
  </si>
  <si>
    <t>05/04/2010 12:00:00 AM</t>
  </si>
  <si>
    <t>226000</t>
  </si>
  <si>
    <t>85382</t>
  </si>
  <si>
    <t>737</t>
  </si>
  <si>
    <t>1006</t>
  </si>
  <si>
    <t>323480</t>
  </si>
  <si>
    <t>PUERTO LLERAS</t>
  </si>
  <si>
    <t>3798</t>
  </si>
  <si>
    <t>3773</t>
  </si>
  <si>
    <t>33475</t>
  </si>
  <si>
    <t>698772</t>
  </si>
  <si>
    <t>1402</t>
  </si>
  <si>
    <t>05/03/2010 12:00:00 AM</t>
  </si>
  <si>
    <t>1518</t>
  </si>
  <si>
    <t>4231</t>
  </si>
  <si>
    <t>5845</t>
  </si>
  <si>
    <t>3781</t>
  </si>
  <si>
    <t>5573</t>
  </si>
  <si>
    <t>279020</t>
  </si>
  <si>
    <t>05/02/2010 12:00:00 AM</t>
  </si>
  <si>
    <t>28639</t>
  </si>
  <si>
    <t>571000</t>
  </si>
  <si>
    <t>51253</t>
  </si>
  <si>
    <t>1872</t>
  </si>
  <si>
    <t>11947</t>
  </si>
  <si>
    <t>9516</t>
  </si>
  <si>
    <t>05/01/2010 12:00:00 AM</t>
  </si>
  <si>
    <t>26100</t>
  </si>
  <si>
    <t>1071180</t>
  </si>
  <si>
    <t>2693</t>
  </si>
  <si>
    <t>BUS MASIVO INTEGRAL DE OCCIDENTE M.I.O.</t>
  </si>
  <si>
    <t>1187</t>
  </si>
  <si>
    <t>518000</t>
  </si>
  <si>
    <t>2865</t>
  </si>
  <si>
    <t>2215</t>
  </si>
  <si>
    <t>04/30/2010 12:00:00 AM</t>
  </si>
  <si>
    <t>14373</t>
  </si>
  <si>
    <t>10020</t>
  </si>
  <si>
    <t>519200</t>
  </si>
  <si>
    <t>228170</t>
  </si>
  <si>
    <t>23419</t>
  </si>
  <si>
    <t>04/29/2010 12:00:00 AM</t>
  </si>
  <si>
    <t>79181</t>
  </si>
  <si>
    <t>1177</t>
  </si>
  <si>
    <t>423000</t>
  </si>
  <si>
    <t>7289</t>
  </si>
  <si>
    <t>4223</t>
  </si>
  <si>
    <t>20864</t>
  </si>
  <si>
    <t>1022</t>
  </si>
  <si>
    <t>3298</t>
  </si>
  <si>
    <t>1875000</t>
  </si>
  <si>
    <t>7797</t>
  </si>
  <si>
    <t>62635</t>
  </si>
  <si>
    <t>3705</t>
  </si>
  <si>
    <t>203000</t>
  </si>
  <si>
    <t>04/28/2010 12:00:00 AM</t>
  </si>
  <si>
    <t>EMISORAS</t>
  </si>
  <si>
    <t>2168</t>
  </si>
  <si>
    <t>1917</t>
  </si>
  <si>
    <t>2330000</t>
  </si>
  <si>
    <t>4853</t>
  </si>
  <si>
    <t>7716</t>
  </si>
  <si>
    <t>04/27/2010 12:00:00 AM</t>
  </si>
  <si>
    <t>15400</t>
  </si>
  <si>
    <t>6580</t>
  </si>
  <si>
    <t>65826</t>
  </si>
  <si>
    <t>189000</t>
  </si>
  <si>
    <t>29800</t>
  </si>
  <si>
    <t>20822</t>
  </si>
  <si>
    <t>59495</t>
  </si>
  <si>
    <t>1635</t>
  </si>
  <si>
    <t>5608</t>
  </si>
  <si>
    <t>620000</t>
  </si>
  <si>
    <t>04/26/2010 12:00:00 AM</t>
  </si>
  <si>
    <t>27500</t>
  </si>
  <si>
    <t>4855</t>
  </si>
  <si>
    <t>4360</t>
  </si>
  <si>
    <t>1948</t>
  </si>
  <si>
    <t>15279</t>
  </si>
  <si>
    <t>8028</t>
  </si>
  <si>
    <t>04/25/2010 12:00:00 AM</t>
  </si>
  <si>
    <t>25162</t>
  </si>
  <si>
    <t>1705</t>
  </si>
  <si>
    <t>924</t>
  </si>
  <si>
    <t>5251</t>
  </si>
  <si>
    <t>3240</t>
  </si>
  <si>
    <t>04/24/2010 12:00:00 AM</t>
  </si>
  <si>
    <t>8231</t>
  </si>
  <si>
    <t>ANZOÁTEGUI</t>
  </si>
  <si>
    <t>16410</t>
  </si>
  <si>
    <t>154064</t>
  </si>
  <si>
    <t>04/23/2010 12:00:00 AM</t>
  </si>
  <si>
    <t>2901</t>
  </si>
  <si>
    <t>1930</t>
  </si>
  <si>
    <t>14472</t>
  </si>
  <si>
    <t>117903</t>
  </si>
  <si>
    <t>147152</t>
  </si>
  <si>
    <t>04/22/2010 12:00:00 AM</t>
  </si>
  <si>
    <t>12540</t>
  </si>
  <si>
    <t>879</t>
  </si>
  <si>
    <t>457000</t>
  </si>
  <si>
    <t>14100</t>
  </si>
  <si>
    <t>601000</t>
  </si>
  <si>
    <t>12858</t>
  </si>
  <si>
    <t>10124</t>
  </si>
  <si>
    <t>10371</t>
  </si>
  <si>
    <t>23860</t>
  </si>
  <si>
    <t>7143</t>
  </si>
  <si>
    <t>318000</t>
  </si>
  <si>
    <t>04/21/2010 12:00:00 AM</t>
  </si>
  <si>
    <t>2893</t>
  </si>
  <si>
    <t>51089</t>
  </si>
  <si>
    <t>798</t>
  </si>
  <si>
    <t>9372</t>
  </si>
  <si>
    <t>6015</t>
  </si>
  <si>
    <t>3239</t>
  </si>
  <si>
    <t>4346</t>
  </si>
  <si>
    <t>04/20/2010 12:00:00 AM</t>
  </si>
  <si>
    <t>14450</t>
  </si>
  <si>
    <t>2799</t>
  </si>
  <si>
    <t>4171</t>
  </si>
  <si>
    <t>2457</t>
  </si>
  <si>
    <t>4984</t>
  </si>
  <si>
    <t>04/19/2010 12:00:00 AM</t>
  </si>
  <si>
    <t>1855</t>
  </si>
  <si>
    <t>1849</t>
  </si>
  <si>
    <t>5452</t>
  </si>
  <si>
    <t>04/18/2010 12:00:00 AM</t>
  </si>
  <si>
    <t>2229</t>
  </si>
  <si>
    <t>27545</t>
  </si>
  <si>
    <t>3533</t>
  </si>
  <si>
    <t>4775</t>
  </si>
  <si>
    <t>908</t>
  </si>
  <si>
    <t>373690</t>
  </si>
  <si>
    <t>04/17/2010 12:00:00 AM</t>
  </si>
  <si>
    <t>15100</t>
  </si>
  <si>
    <t>5340</t>
  </si>
  <si>
    <t>3228</t>
  </si>
  <si>
    <t>1065</t>
  </si>
  <si>
    <t>216004</t>
  </si>
  <si>
    <t>1862000</t>
  </si>
  <si>
    <t>3592</t>
  </si>
  <si>
    <t>04/16/2010 12:00:00 AM</t>
  </si>
  <si>
    <t>30268</t>
  </si>
  <si>
    <t>989</t>
  </si>
  <si>
    <t>5430</t>
  </si>
  <si>
    <t>2059</t>
  </si>
  <si>
    <t>55294</t>
  </si>
  <si>
    <t>10445</t>
  </si>
  <si>
    <t>TINJACÁ</t>
  </si>
  <si>
    <t>6554</t>
  </si>
  <si>
    <t>04/15/2010 12:00:00 AM</t>
  </si>
  <si>
    <t>911055</t>
  </si>
  <si>
    <t>9885</t>
  </si>
  <si>
    <t>276000</t>
  </si>
  <si>
    <t>1304</t>
  </si>
  <si>
    <t>230561</t>
  </si>
  <si>
    <t>62200</t>
  </si>
  <si>
    <t>04/14/2010 12:00:00 AM</t>
  </si>
  <si>
    <t>8118</t>
  </si>
  <si>
    <t>3284</t>
  </si>
  <si>
    <t>83575</t>
  </si>
  <si>
    <t>1673</t>
  </si>
  <si>
    <t>04/13/2010 12:00:00 AM</t>
  </si>
  <si>
    <t>8353</t>
  </si>
  <si>
    <t>1893</t>
  </si>
  <si>
    <t>6134</t>
  </si>
  <si>
    <t>2259</t>
  </si>
  <si>
    <t>212412</t>
  </si>
  <si>
    <t>1278</t>
  </si>
  <si>
    <t>04/12/2010 12:00:00 AM</t>
  </si>
  <si>
    <t>201889</t>
  </si>
  <si>
    <t>3268</t>
  </si>
  <si>
    <t>04/11/2010 12:00:00 AM</t>
  </si>
  <si>
    <t>10145</t>
  </si>
  <si>
    <t>2372</t>
  </si>
  <si>
    <t>PALMAR</t>
  </si>
  <si>
    <t>11555</t>
  </si>
  <si>
    <t>60674</t>
  </si>
  <si>
    <t>2664</t>
  </si>
  <si>
    <t>750725</t>
  </si>
  <si>
    <t>04/10/2010 12:00:00 AM</t>
  </si>
  <si>
    <t>1227</t>
  </si>
  <si>
    <t>1856</t>
  </si>
  <si>
    <t>610200</t>
  </si>
  <si>
    <t>5514</t>
  </si>
  <si>
    <t>20017</t>
  </si>
  <si>
    <t>04/09/2010 12:00:00 AM</t>
  </si>
  <si>
    <t>2224</t>
  </si>
  <si>
    <t>12487</t>
  </si>
  <si>
    <t>2056</t>
  </si>
  <si>
    <t>541000</t>
  </si>
  <si>
    <t>4689</t>
  </si>
  <si>
    <t>04/08/2010 12:00:00 AM</t>
  </si>
  <si>
    <t>1257</t>
  </si>
  <si>
    <t>1785</t>
  </si>
  <si>
    <t>788</t>
  </si>
  <si>
    <t>NEW YORK</t>
  </si>
  <si>
    <t>18143</t>
  </si>
  <si>
    <t>335042</t>
  </si>
  <si>
    <t>325095</t>
  </si>
  <si>
    <t>3030</t>
  </si>
  <si>
    <t>2791</t>
  </si>
  <si>
    <t>04/07/2010 12:00:00 AM</t>
  </si>
  <si>
    <t>5900</t>
  </si>
  <si>
    <t>6241</t>
  </si>
  <si>
    <t>1351</t>
  </si>
  <si>
    <t>15622</t>
  </si>
  <si>
    <t>5250</t>
  </si>
  <si>
    <t>04/06/2010 12:00:00 AM</t>
  </si>
  <si>
    <t>53010</t>
  </si>
  <si>
    <t>6175</t>
  </si>
  <si>
    <t>283000</t>
  </si>
  <si>
    <t>248860</t>
  </si>
  <si>
    <t>2036</t>
  </si>
  <si>
    <t>3547</t>
  </si>
  <si>
    <t>04/05/2010 12:00:00 AM</t>
  </si>
  <si>
    <t>365400</t>
  </si>
  <si>
    <t>9151</t>
  </si>
  <si>
    <t>04/04/2010 12:00:00 AM</t>
  </si>
  <si>
    <t>1334</t>
  </si>
  <si>
    <t>22100</t>
  </si>
  <si>
    <t>3685</t>
  </si>
  <si>
    <t>74400</t>
  </si>
  <si>
    <t>04/03/2010 12:00:00 AM</t>
  </si>
  <si>
    <t>5185</t>
  </si>
  <si>
    <t>4550</t>
  </si>
  <si>
    <t>21450</t>
  </si>
  <si>
    <t>3336</t>
  </si>
  <si>
    <t>6473</t>
  </si>
  <si>
    <t>4086</t>
  </si>
  <si>
    <t>04/02/2010 12:00:00 AM</t>
  </si>
  <si>
    <t>53802</t>
  </si>
  <si>
    <t>1757</t>
  </si>
  <si>
    <t>2517</t>
  </si>
  <si>
    <t>1611</t>
  </si>
  <si>
    <t>06/18/2010 12:00:00 AM</t>
  </si>
  <si>
    <t>380000</t>
  </si>
  <si>
    <t>5856</t>
  </si>
  <si>
    <t>2415000</t>
  </si>
  <si>
    <t>1436</t>
  </si>
  <si>
    <t>06/17/2010 12:00:00 AM</t>
  </si>
  <si>
    <t>2622</t>
  </si>
  <si>
    <t>1587</t>
  </si>
  <si>
    <t>147000</t>
  </si>
  <si>
    <t>7300</t>
  </si>
  <si>
    <t>217191</t>
  </si>
  <si>
    <t>6649</t>
  </si>
  <si>
    <t>3870</t>
  </si>
  <si>
    <t>119000</t>
  </si>
  <si>
    <t>17488</t>
  </si>
  <si>
    <t>06/16/2010 12:00:00 AM</t>
  </si>
  <si>
    <t>6673</t>
  </si>
  <si>
    <t>1089</t>
  </si>
  <si>
    <t>375000</t>
  </si>
  <si>
    <t>06/15/2010 12:00:00 AM</t>
  </si>
  <si>
    <t>36100</t>
  </si>
  <si>
    <t>2745041</t>
  </si>
  <si>
    <t>23325</t>
  </si>
  <si>
    <t>11370</t>
  </si>
  <si>
    <t>2073</t>
  </si>
  <si>
    <t>SAN PABLO DE BORBUR</t>
  </si>
  <si>
    <t>135000</t>
  </si>
  <si>
    <t>06/14/2010 12:00:00 AM</t>
  </si>
  <si>
    <t>5451</t>
  </si>
  <si>
    <t>1498</t>
  </si>
  <si>
    <t>4210</t>
  </si>
  <si>
    <t>06/13/2010 12:00:00 AM</t>
  </si>
  <si>
    <t>1404</t>
  </si>
  <si>
    <t>2814</t>
  </si>
  <si>
    <t>3812</t>
  </si>
  <si>
    <t>2409</t>
  </si>
  <si>
    <t>36513</t>
  </si>
  <si>
    <t>8160</t>
  </si>
  <si>
    <t>06/12/2010 12:00:00 AM</t>
  </si>
  <si>
    <t>850000</t>
  </si>
  <si>
    <t>2062</t>
  </si>
  <si>
    <t>1505</t>
  </si>
  <si>
    <t>1013000</t>
  </si>
  <si>
    <t>5170</t>
  </si>
  <si>
    <t>1276</t>
  </si>
  <si>
    <t>06/11/2010 12:00:00 AM</t>
  </si>
  <si>
    <t>3192</t>
  </si>
  <si>
    <t>6082</t>
  </si>
  <si>
    <t>4218</t>
  </si>
  <si>
    <t>1427</t>
  </si>
  <si>
    <t>2031</t>
  </si>
  <si>
    <t>56360</t>
  </si>
  <si>
    <t>2273</t>
  </si>
  <si>
    <t>658</t>
  </si>
  <si>
    <t>06/10/2010 12:00:00 AM</t>
  </si>
  <si>
    <t>290049</t>
  </si>
  <si>
    <t>70140</t>
  </si>
  <si>
    <t>2700000</t>
  </si>
  <si>
    <t>19700</t>
  </si>
  <si>
    <t>3326</t>
  </si>
  <si>
    <t>06/09/2010 12:00:00 AM</t>
  </si>
  <si>
    <t>1619</t>
  </si>
  <si>
    <t>14421</t>
  </si>
  <si>
    <t>466200</t>
  </si>
  <si>
    <t>893</t>
  </si>
  <si>
    <t>170255</t>
  </si>
  <si>
    <t>35684</t>
  </si>
  <si>
    <t>744</t>
  </si>
  <si>
    <t>06/08/2010 12:00:00 AM</t>
  </si>
  <si>
    <t>4167</t>
  </si>
  <si>
    <t>3808</t>
  </si>
  <si>
    <t>3439</t>
  </si>
  <si>
    <t>SATIVANORTE</t>
  </si>
  <si>
    <t>2620</t>
  </si>
  <si>
    <t>06/07/2010 12:00:00 AM</t>
  </si>
  <si>
    <t>2846</t>
  </si>
  <si>
    <t>68845</t>
  </si>
  <si>
    <t>06/06/2010 12:00:00 AM</t>
  </si>
  <si>
    <t>1312</t>
  </si>
  <si>
    <t>06/05/2010 12:00:00 AM</t>
  </si>
  <si>
    <t>10240</t>
  </si>
  <si>
    <t>58500</t>
  </si>
  <si>
    <t>234000</t>
  </si>
  <si>
    <t>3615</t>
  </si>
  <si>
    <t>64712</t>
  </si>
  <si>
    <t>2748</t>
  </si>
  <si>
    <t>06/04/2010 12:00:00 AM</t>
  </si>
  <si>
    <t>37500</t>
  </si>
  <si>
    <t>12800</t>
  </si>
  <si>
    <t>6431</t>
  </si>
  <si>
    <t>33571</t>
  </si>
  <si>
    <t>11942</t>
  </si>
  <si>
    <t>06/03/2010 12:00:00 AM</t>
  </si>
  <si>
    <t>5160</t>
  </si>
  <si>
    <t>9502</t>
  </si>
  <si>
    <t>4551</t>
  </si>
  <si>
    <t>20530</t>
  </si>
  <si>
    <t>CUBARÁ</t>
  </si>
  <si>
    <t>2471</t>
  </si>
  <si>
    <t>06/02/2010 12:00:00 AM</t>
  </si>
  <si>
    <t>2758</t>
  </si>
  <si>
    <t>5582</t>
  </si>
  <si>
    <t>15807</t>
  </si>
  <si>
    <t>06/01/2010 12:00:00 AM</t>
  </si>
  <si>
    <t>4496</t>
  </si>
  <si>
    <t>887</t>
  </si>
  <si>
    <t>77994</t>
  </si>
  <si>
    <t>5024</t>
  </si>
  <si>
    <t>64920</t>
  </si>
  <si>
    <t>6921</t>
  </si>
  <si>
    <t>05/31/2010 12:00:00 AM</t>
  </si>
  <si>
    <t>5190</t>
  </si>
  <si>
    <t>16600</t>
  </si>
  <si>
    <t>3789</t>
  </si>
  <si>
    <t>11250</t>
  </si>
  <si>
    <t>5819</t>
  </si>
  <si>
    <t>05/30/2010 12:00:00 AM</t>
  </si>
  <si>
    <t>7097</t>
  </si>
  <si>
    <t>2047</t>
  </si>
  <si>
    <t>40600</t>
  </si>
  <si>
    <t>07/24/2010 12:00:00 AM</t>
  </si>
  <si>
    <t>3140</t>
  </si>
  <si>
    <t>TUCHÍN</t>
  </si>
  <si>
    <t>5055</t>
  </si>
  <si>
    <t>2420</t>
  </si>
  <si>
    <t>1501</t>
  </si>
  <si>
    <t>07/23/2010 12:00:00 AM</t>
  </si>
  <si>
    <t>5041</t>
  </si>
  <si>
    <t>1388</t>
  </si>
  <si>
    <t>695000</t>
  </si>
  <si>
    <t>LÓPEZ</t>
  </si>
  <si>
    <t>2295</t>
  </si>
  <si>
    <t>460055</t>
  </si>
  <si>
    <t>07/22/2010 12:00:00 AM</t>
  </si>
  <si>
    <t>3527</t>
  </si>
  <si>
    <t>4766</t>
  </si>
  <si>
    <t>5155</t>
  </si>
  <si>
    <t>2122</t>
  </si>
  <si>
    <t>91970</t>
  </si>
  <si>
    <t>2427</t>
  </si>
  <si>
    <t>07/21/2010 12:00:00 AM</t>
  </si>
  <si>
    <t>4392</t>
  </si>
  <si>
    <t>1527</t>
  </si>
  <si>
    <t>46632</t>
  </si>
  <si>
    <t>11963</t>
  </si>
  <si>
    <t>123114</t>
  </si>
  <si>
    <t>886000</t>
  </si>
  <si>
    <t>6445</t>
  </si>
  <si>
    <t>07/20/2010 12:00:00 AM</t>
  </si>
  <si>
    <t>5023</t>
  </si>
  <si>
    <t>2965</t>
  </si>
  <si>
    <t>07/19/2010 12:00:00 AM</t>
  </si>
  <si>
    <t>1532</t>
  </si>
  <si>
    <t>183285</t>
  </si>
  <si>
    <t>1956</t>
  </si>
  <si>
    <t>194800</t>
  </si>
  <si>
    <t>1717</t>
  </si>
  <si>
    <t>07/18/2010 12:00:00 AM</t>
  </si>
  <si>
    <t>1342</t>
  </si>
  <si>
    <t>43364</t>
  </si>
  <si>
    <t>195000</t>
  </si>
  <si>
    <t>597000</t>
  </si>
  <si>
    <t>2223</t>
  </si>
  <si>
    <t>07/17/2010 12:00:00 AM</t>
  </si>
  <si>
    <t>1681</t>
  </si>
  <si>
    <t>5755</t>
  </si>
  <si>
    <t>3848</t>
  </si>
  <si>
    <t>6742</t>
  </si>
  <si>
    <t>07/16/2010 12:00:00 AM</t>
  </si>
  <si>
    <t>24156</t>
  </si>
  <si>
    <t>2838</t>
  </si>
  <si>
    <t>64036</t>
  </si>
  <si>
    <t>18825</t>
  </si>
  <si>
    <t>5945</t>
  </si>
  <si>
    <t>5300</t>
  </si>
  <si>
    <t>1051</t>
  </si>
  <si>
    <t>3758</t>
  </si>
  <si>
    <t>60200</t>
  </si>
  <si>
    <t>197700</t>
  </si>
  <si>
    <t>07/15/2010 12:00:00 AM</t>
  </si>
  <si>
    <t>379000</t>
  </si>
  <si>
    <t>12521</t>
  </si>
  <si>
    <t>5018</t>
  </si>
  <si>
    <t>2376</t>
  </si>
  <si>
    <t>5140</t>
  </si>
  <si>
    <t>1283</t>
  </si>
  <si>
    <t>6695</t>
  </si>
  <si>
    <t>425418</t>
  </si>
  <si>
    <t>07/14/2010 12:00:00 AM</t>
  </si>
  <si>
    <t>10580</t>
  </si>
  <si>
    <t>78848</t>
  </si>
  <si>
    <t>3167</t>
  </si>
  <si>
    <t>8381</t>
  </si>
  <si>
    <t>07/13/2010 12:00:00 AM</t>
  </si>
  <si>
    <t>198398</t>
  </si>
  <si>
    <t>10713</t>
  </si>
  <si>
    <t>18364</t>
  </si>
  <si>
    <t>3727</t>
  </si>
  <si>
    <t>1769</t>
  </si>
  <si>
    <t>07/12/2010 12:00:00 AM</t>
  </si>
  <si>
    <t>3311</t>
  </si>
  <si>
    <t>46000</t>
  </si>
  <si>
    <t>2987</t>
  </si>
  <si>
    <t>8850</t>
  </si>
  <si>
    <t>4710</t>
  </si>
  <si>
    <t>07/11/2010 12:00:00 AM</t>
  </si>
  <si>
    <t>104690</t>
  </si>
  <si>
    <t>20042</t>
  </si>
  <si>
    <t>1743</t>
  </si>
  <si>
    <t>6080</t>
  </si>
  <si>
    <t>07/10/2010 12:00:00 AM</t>
  </si>
  <si>
    <t>8400</t>
  </si>
  <si>
    <t>3080</t>
  </si>
  <si>
    <t>2304</t>
  </si>
  <si>
    <t>2347</t>
  </si>
  <si>
    <t>3741</t>
  </si>
  <si>
    <t>07/09/2010 12:00:00 AM</t>
  </si>
  <si>
    <t>4061</t>
  </si>
  <si>
    <t>10598</t>
  </si>
  <si>
    <t>21074</t>
  </si>
  <si>
    <t>07/08/2010 12:00:00 AM</t>
  </si>
  <si>
    <t>129850</t>
  </si>
  <si>
    <t>273795</t>
  </si>
  <si>
    <t>822</t>
  </si>
  <si>
    <t>TANQUE DE AGUA</t>
  </si>
  <si>
    <t>14096</t>
  </si>
  <si>
    <t>285772</t>
  </si>
  <si>
    <t>5809</t>
  </si>
  <si>
    <t>25080</t>
  </si>
  <si>
    <t>07/07/2010 12:00:00 AM</t>
  </si>
  <si>
    <t>1143</t>
  </si>
  <si>
    <t>12455</t>
  </si>
  <si>
    <t>3510</t>
  </si>
  <si>
    <t>8062</t>
  </si>
  <si>
    <t>15077</t>
  </si>
  <si>
    <t>07/06/2010 12:00:00 AM</t>
  </si>
  <si>
    <t>1038</t>
  </si>
  <si>
    <t>12033</t>
  </si>
  <si>
    <t>2120</t>
  </si>
  <si>
    <t>07/05/2010 12:00:00 AM</t>
  </si>
  <si>
    <t>6890</t>
  </si>
  <si>
    <t>4568</t>
  </si>
  <si>
    <t>48507</t>
  </si>
  <si>
    <t>07/04/2010 12:00:00 AM</t>
  </si>
  <si>
    <t>VETAS</t>
  </si>
  <si>
    <t>1994</t>
  </si>
  <si>
    <t>EL CALVARIO</t>
  </si>
  <si>
    <t>86500</t>
  </si>
  <si>
    <t>2287</t>
  </si>
  <si>
    <t>402804</t>
  </si>
  <si>
    <t>1551</t>
  </si>
  <si>
    <t>07/03/2010 12:00:00 AM</t>
  </si>
  <si>
    <t>5545</t>
  </si>
  <si>
    <t>733760</t>
  </si>
  <si>
    <t>722960</t>
  </si>
  <si>
    <t>07/02/2010 12:00:00 AM</t>
  </si>
  <si>
    <t>1462</t>
  </si>
  <si>
    <t>9018</t>
  </si>
  <si>
    <t>106000</t>
  </si>
  <si>
    <t>1612</t>
  </si>
  <si>
    <t>1576</t>
  </si>
  <si>
    <t>07/01/2010 12:00:00 AM</t>
  </si>
  <si>
    <t>3364</t>
  </si>
  <si>
    <t>26135</t>
  </si>
  <si>
    <t>847</t>
  </si>
  <si>
    <t>06/30/2010 12:00:00 AM</t>
  </si>
  <si>
    <t>94675</t>
  </si>
  <si>
    <t>686</t>
  </si>
  <si>
    <t>5850</t>
  </si>
  <si>
    <t>79000</t>
  </si>
  <si>
    <t>1506</t>
  </si>
  <si>
    <t>653740</t>
  </si>
  <si>
    <t>11321</t>
  </si>
  <si>
    <t>1281</t>
  </si>
  <si>
    <t>10739</t>
  </si>
  <si>
    <t>11043</t>
  </si>
  <si>
    <t>06/29/2010 12:00:00 AM</t>
  </si>
  <si>
    <t>2038</t>
  </si>
  <si>
    <t>30474</t>
  </si>
  <si>
    <t>32835</t>
  </si>
  <si>
    <t>6860</t>
  </si>
  <si>
    <t>27758</t>
  </si>
  <si>
    <t>06/28/2010 12:00:00 AM</t>
  </si>
  <si>
    <t>3231</t>
  </si>
  <si>
    <t>3019</t>
  </si>
  <si>
    <t>06/27/2010 12:00:00 AM</t>
  </si>
  <si>
    <t>97266</t>
  </si>
  <si>
    <t>15500</t>
  </si>
  <si>
    <t>12123</t>
  </si>
  <si>
    <t>06/26/2010 12:00:00 AM</t>
  </si>
  <si>
    <t>121723</t>
  </si>
  <si>
    <t>141597</t>
  </si>
  <si>
    <t>54079</t>
  </si>
  <si>
    <t>06/25/2010 12:00:00 AM</t>
  </si>
  <si>
    <t>1886</t>
  </si>
  <si>
    <t>2416</t>
  </si>
  <si>
    <t>2026</t>
  </si>
  <si>
    <t>26130</t>
  </si>
  <si>
    <t>3863</t>
  </si>
  <si>
    <t>171000</t>
  </si>
  <si>
    <t>18163</t>
  </si>
  <si>
    <t>06/24/2010 12:00:00 AM</t>
  </si>
  <si>
    <t>17049</t>
  </si>
  <si>
    <t>18460</t>
  </si>
  <si>
    <t>334879</t>
  </si>
  <si>
    <t>3357</t>
  </si>
  <si>
    <t>2405</t>
  </si>
  <si>
    <t>8540</t>
  </si>
  <si>
    <t>200923</t>
  </si>
  <si>
    <t>34932</t>
  </si>
  <si>
    <t>06/23/2010 12:00:00 AM</t>
  </si>
  <si>
    <t>8602</t>
  </si>
  <si>
    <t>1292</t>
  </si>
  <si>
    <t>38775</t>
  </si>
  <si>
    <t>101203</t>
  </si>
  <si>
    <t>06/22/2010 12:00:00 AM</t>
  </si>
  <si>
    <t>2556</t>
  </si>
  <si>
    <t>1685</t>
  </si>
  <si>
    <t>38906</t>
  </si>
  <si>
    <t>2217</t>
  </si>
  <si>
    <t>2199</t>
  </si>
  <si>
    <t>1417</t>
  </si>
  <si>
    <t>06/21/2010 12:00:00 AM</t>
  </si>
  <si>
    <t>537000</t>
  </si>
  <si>
    <t>3434</t>
  </si>
  <si>
    <t>7573</t>
  </si>
  <si>
    <t>2989</t>
  </si>
  <si>
    <t>13375</t>
  </si>
  <si>
    <t>18178</t>
  </si>
  <si>
    <t>10152</t>
  </si>
  <si>
    <t>06/20/2010 12:00:00 AM</t>
  </si>
  <si>
    <t>43944</t>
  </si>
  <si>
    <t>723000</t>
  </si>
  <si>
    <t>06/19/2010 12:00:00 AM</t>
  </si>
  <si>
    <t>423117</t>
  </si>
  <si>
    <t>698</t>
  </si>
  <si>
    <t>2886</t>
  </si>
  <si>
    <t>15507</t>
  </si>
  <si>
    <t>3133</t>
  </si>
  <si>
    <t>6754</t>
  </si>
  <si>
    <t>09/02/2010 12:00:00 AM</t>
  </si>
  <si>
    <t>664922</t>
  </si>
  <si>
    <t>7480</t>
  </si>
  <si>
    <t>5980</t>
  </si>
  <si>
    <t>577699</t>
  </si>
  <si>
    <t>18383</t>
  </si>
  <si>
    <t>1642</t>
  </si>
  <si>
    <t>09/01/2010 12:00:00 AM</t>
  </si>
  <si>
    <t>3586</t>
  </si>
  <si>
    <t>89844</t>
  </si>
  <si>
    <t>08/31/2010 12:00:00 AM</t>
  </si>
  <si>
    <t>24624</t>
  </si>
  <si>
    <t>08/30/2010 12:00:00 AM</t>
  </si>
  <si>
    <t>943</t>
  </si>
  <si>
    <t>1752</t>
  </si>
  <si>
    <t>08/29/2010 12:00:00 AM</t>
  </si>
  <si>
    <t>1522</t>
  </si>
  <si>
    <t>17220</t>
  </si>
  <si>
    <t>1864</t>
  </si>
  <si>
    <t>3366</t>
  </si>
  <si>
    <t>6186</t>
  </si>
  <si>
    <t>67625</t>
  </si>
  <si>
    <t>08/28/2010 12:00:00 AM</t>
  </si>
  <si>
    <t>1229</t>
  </si>
  <si>
    <t>6110</t>
  </si>
  <si>
    <t>1846</t>
  </si>
  <si>
    <t>10750</t>
  </si>
  <si>
    <t>08/27/2010 12:00:00 AM</t>
  </si>
  <si>
    <t>25500</t>
  </si>
  <si>
    <t>10144</t>
  </si>
  <si>
    <t>1481</t>
  </si>
  <si>
    <t>1983</t>
  </si>
  <si>
    <t>25734</t>
  </si>
  <si>
    <t>3779</t>
  </si>
  <si>
    <t>723</t>
  </si>
  <si>
    <t>2353</t>
  </si>
  <si>
    <t>15578</t>
  </si>
  <si>
    <t>35165</t>
  </si>
  <si>
    <t>08/26/2010 12:00:00 AM</t>
  </si>
  <si>
    <t>1726</t>
  </si>
  <si>
    <t>2616</t>
  </si>
  <si>
    <t>3123</t>
  </si>
  <si>
    <t>2937</t>
  </si>
  <si>
    <t>12955</t>
  </si>
  <si>
    <t>08/25/2010 12:00:00 AM</t>
  </si>
  <si>
    <t>11925</t>
  </si>
  <si>
    <t>4121</t>
  </si>
  <si>
    <t>10549</t>
  </si>
  <si>
    <t>115000</t>
  </si>
  <si>
    <t>173700</t>
  </si>
  <si>
    <t>14055</t>
  </si>
  <si>
    <t>73035</t>
  </si>
  <si>
    <t>08/24/2010 12:00:00 AM</t>
  </si>
  <si>
    <t>7006</t>
  </si>
  <si>
    <t>213000</t>
  </si>
  <si>
    <t>8730</t>
  </si>
  <si>
    <t>3103</t>
  </si>
  <si>
    <t>12937</t>
  </si>
  <si>
    <t>08/23/2010 12:00:00 AM</t>
  </si>
  <si>
    <t>77800</t>
  </si>
  <si>
    <t>4369</t>
  </si>
  <si>
    <t>35549</t>
  </si>
  <si>
    <t>88112</t>
  </si>
  <si>
    <t>5098</t>
  </si>
  <si>
    <t>1924</t>
  </si>
  <si>
    <t>08/22/2010 12:00:00 AM</t>
  </si>
  <si>
    <t>4186</t>
  </si>
  <si>
    <t>5669</t>
  </si>
  <si>
    <t>2839</t>
  </si>
  <si>
    <t>2895</t>
  </si>
  <si>
    <t>08/21/2010 12:00:00 AM</t>
  </si>
  <si>
    <t>47401</t>
  </si>
  <si>
    <t>89201</t>
  </si>
  <si>
    <t>2672</t>
  </si>
  <si>
    <t>1166</t>
  </si>
  <si>
    <t>1604</t>
  </si>
  <si>
    <t>203138</t>
  </si>
  <si>
    <t>3041</t>
  </si>
  <si>
    <t>08/20/2010 12:00:00 AM</t>
  </si>
  <si>
    <t>565000</t>
  </si>
  <si>
    <t>2624</t>
  </si>
  <si>
    <t>4307</t>
  </si>
  <si>
    <t>12055</t>
  </si>
  <si>
    <t>08/19/2010 12:00:00 AM</t>
  </si>
  <si>
    <t>3688</t>
  </si>
  <si>
    <t>1277</t>
  </si>
  <si>
    <t>6441</t>
  </si>
  <si>
    <t>4066</t>
  </si>
  <si>
    <t>4439</t>
  </si>
  <si>
    <t>08/18/2010 12:00:00 AM</t>
  </si>
  <si>
    <t>5967</t>
  </si>
  <si>
    <t>93276</t>
  </si>
  <si>
    <t>758</t>
  </si>
  <si>
    <t>177300</t>
  </si>
  <si>
    <t>16582</t>
  </si>
  <si>
    <t>7304</t>
  </si>
  <si>
    <t>08/17/2010 12:00:00 AM</t>
  </si>
  <si>
    <t>7829</t>
  </si>
  <si>
    <t>5119</t>
  </si>
  <si>
    <t>08/16/2010 12:00:00 AM</t>
  </si>
  <si>
    <t>CÉRTEGUI</t>
  </si>
  <si>
    <t>17714</t>
  </si>
  <si>
    <t>3223</t>
  </si>
  <si>
    <t>08/15/2010 12:00:00 AM</t>
  </si>
  <si>
    <t>10030</t>
  </si>
  <si>
    <t>104000</t>
  </si>
  <si>
    <t>6529</t>
  </si>
  <si>
    <t>23010</t>
  </si>
  <si>
    <t>10936</t>
  </si>
  <si>
    <t>4154000</t>
  </si>
  <si>
    <t>1301</t>
  </si>
  <si>
    <t>3947</t>
  </si>
  <si>
    <t>08/14/2010 12:00:00 AM</t>
  </si>
  <si>
    <t>1711</t>
  </si>
  <si>
    <t>20655</t>
  </si>
  <si>
    <t>RANCHERIA</t>
  </si>
  <si>
    <t>1046</t>
  </si>
  <si>
    <t>2255</t>
  </si>
  <si>
    <t>14900</t>
  </si>
  <si>
    <t>31017</t>
  </si>
  <si>
    <t>08/13/2010 12:00:00 AM</t>
  </si>
  <si>
    <t>2197</t>
  </si>
  <si>
    <t>3370</t>
  </si>
  <si>
    <t>84241</t>
  </si>
  <si>
    <t>3637</t>
  </si>
  <si>
    <t>3642</t>
  </si>
  <si>
    <t>08/12/2010 12:00:00 AM</t>
  </si>
  <si>
    <t>646800</t>
  </si>
  <si>
    <t>89265</t>
  </si>
  <si>
    <t>6356</t>
  </si>
  <si>
    <t>8939</t>
  </si>
  <si>
    <t>65650</t>
  </si>
  <si>
    <t>08/11/2010 12:00:00 AM</t>
  </si>
  <si>
    <t>11400</t>
  </si>
  <si>
    <t>9790</t>
  </si>
  <si>
    <t>3395</t>
  </si>
  <si>
    <t>1892</t>
  </si>
  <si>
    <t>6546</t>
  </si>
  <si>
    <t>574000</t>
  </si>
  <si>
    <t>8401</t>
  </si>
  <si>
    <t>2258</t>
  </si>
  <si>
    <t>08/10/2010 12:00:00 AM</t>
  </si>
  <si>
    <t>3208</t>
  </si>
  <si>
    <t>4495</t>
  </si>
  <si>
    <t>32679</t>
  </si>
  <si>
    <t>170000</t>
  </si>
  <si>
    <t>08/09/2010 12:00:00 AM</t>
  </si>
  <si>
    <t>3860</t>
  </si>
  <si>
    <t>1719</t>
  </si>
  <si>
    <t>163000</t>
  </si>
  <si>
    <t>08/08/2010 12:00:00 AM</t>
  </si>
  <si>
    <t>116100</t>
  </si>
  <si>
    <t>7671</t>
  </si>
  <si>
    <t>08/07/2010 12:00:00 AM</t>
  </si>
  <si>
    <t>178000</t>
  </si>
  <si>
    <t>4577</t>
  </si>
  <si>
    <t>19880</t>
  </si>
  <si>
    <t>5273</t>
  </si>
  <si>
    <t>2453</t>
  </si>
  <si>
    <t>08/06/2010 12:00:00 AM</t>
  </si>
  <si>
    <t>937</t>
  </si>
  <si>
    <t>6440</t>
  </si>
  <si>
    <t>19899</t>
  </si>
  <si>
    <t>11198</t>
  </si>
  <si>
    <t>6261</t>
  </si>
  <si>
    <t>22841</t>
  </si>
  <si>
    <t>1643</t>
  </si>
  <si>
    <t>08/05/2010 12:00:00 AM</t>
  </si>
  <si>
    <t>3409</t>
  </si>
  <si>
    <t>13751</t>
  </si>
  <si>
    <t>25485</t>
  </si>
  <si>
    <t>1151</t>
  </si>
  <si>
    <t>40665</t>
  </si>
  <si>
    <t>08/04/2010 12:00:00 AM</t>
  </si>
  <si>
    <t>1516</t>
  </si>
  <si>
    <t>4150</t>
  </si>
  <si>
    <t>16250</t>
  </si>
  <si>
    <t>4333</t>
  </si>
  <si>
    <t>43099</t>
  </si>
  <si>
    <t>08/03/2010 12:00:00 AM</t>
  </si>
  <si>
    <t>8930</t>
  </si>
  <si>
    <t>35582</t>
  </si>
  <si>
    <t>18004</t>
  </si>
  <si>
    <t>4409</t>
  </si>
  <si>
    <t>3010000</t>
  </si>
  <si>
    <t>986</t>
  </si>
  <si>
    <t>1712</t>
  </si>
  <si>
    <t>08/02/2010 12:00:00 AM</t>
  </si>
  <si>
    <t>123520</t>
  </si>
  <si>
    <t>6342</t>
  </si>
  <si>
    <t>818000</t>
  </si>
  <si>
    <t>2845</t>
  </si>
  <si>
    <t>BUS TRANSMILENIO</t>
  </si>
  <si>
    <t>2972</t>
  </si>
  <si>
    <t>08/01/2010 12:00:00 AM</t>
  </si>
  <si>
    <t>2612</t>
  </si>
  <si>
    <t>3353</t>
  </si>
  <si>
    <t>HUMEALES</t>
  </si>
  <si>
    <t>22201</t>
  </si>
  <si>
    <t>7522</t>
  </si>
  <si>
    <t>07/31/2010 12:00:00 AM</t>
  </si>
  <si>
    <t>1477</t>
  </si>
  <si>
    <t>4173</t>
  </si>
  <si>
    <t>2561</t>
  </si>
  <si>
    <t>2172</t>
  </si>
  <si>
    <t>2305</t>
  </si>
  <si>
    <t>07/30/2010 12:00:00 AM</t>
  </si>
  <si>
    <t>2868</t>
  </si>
  <si>
    <t>7350</t>
  </si>
  <si>
    <t>3961</t>
  </si>
  <si>
    <t>2338</t>
  </si>
  <si>
    <t>17128</t>
  </si>
  <si>
    <t>1345</t>
  </si>
  <si>
    <t>2485</t>
  </si>
  <si>
    <t>10988</t>
  </si>
  <si>
    <t>11230</t>
  </si>
  <si>
    <t>07/29/2010 12:00:00 AM</t>
  </si>
  <si>
    <t>1176</t>
  </si>
  <si>
    <t>4094</t>
  </si>
  <si>
    <t>9960</t>
  </si>
  <si>
    <t>1192950</t>
  </si>
  <si>
    <t>07/28/2010 12:00:00 AM</t>
  </si>
  <si>
    <t>28218</t>
  </si>
  <si>
    <t>2275</t>
  </si>
  <si>
    <t>8759</t>
  </si>
  <si>
    <t>4950</t>
  </si>
  <si>
    <t>1167</t>
  </si>
  <si>
    <t>2694</t>
  </si>
  <si>
    <t>2158</t>
  </si>
  <si>
    <t>07/27/2010 12:00:00 AM</t>
  </si>
  <si>
    <t>30750</t>
  </si>
  <si>
    <t>3425</t>
  </si>
  <si>
    <t>2239</t>
  </si>
  <si>
    <t>1763</t>
  </si>
  <si>
    <t>314000</t>
  </si>
  <si>
    <t>07/26/2010 12:00:00 AM</t>
  </si>
  <si>
    <t>2148</t>
  </si>
  <si>
    <t>3004</t>
  </si>
  <si>
    <t>3991</t>
  </si>
  <si>
    <t>25960</t>
  </si>
  <si>
    <t>1308</t>
  </si>
  <si>
    <t>07/25/2010 12:00:00 AM</t>
  </si>
  <si>
    <t>1664</t>
  </si>
  <si>
    <t>4374</t>
  </si>
  <si>
    <t>3300000</t>
  </si>
  <si>
    <t>10/12/2010 12:00:00 AM</t>
  </si>
  <si>
    <t>3902</t>
  </si>
  <si>
    <t>4290</t>
  </si>
  <si>
    <t>15025</t>
  </si>
  <si>
    <t>34510</t>
  </si>
  <si>
    <t>10/11/2010 12:00:00 AM</t>
  </si>
  <si>
    <t>5315</t>
  </si>
  <si>
    <t>52081</t>
  </si>
  <si>
    <t>6245</t>
  </si>
  <si>
    <t>1395</t>
  </si>
  <si>
    <t>10/10/2010 12:00:00 AM</t>
  </si>
  <si>
    <t>1618</t>
  </si>
  <si>
    <t>3896</t>
  </si>
  <si>
    <t>10/09/2010 12:00:00 AM</t>
  </si>
  <si>
    <t>385372</t>
  </si>
  <si>
    <t>5751</t>
  </si>
  <si>
    <t>19466</t>
  </si>
  <si>
    <t>10/08/2010 12:00:00 AM</t>
  </si>
  <si>
    <t>2730</t>
  </si>
  <si>
    <t>1500416</t>
  </si>
  <si>
    <t>4655</t>
  </si>
  <si>
    <t>3131</t>
  </si>
  <si>
    <t>10/07/2010 12:00:00 AM</t>
  </si>
  <si>
    <t>8186</t>
  </si>
  <si>
    <t>1430</t>
  </si>
  <si>
    <t>10975</t>
  </si>
  <si>
    <t>460000</t>
  </si>
  <si>
    <t>2174</t>
  </si>
  <si>
    <t>14992</t>
  </si>
  <si>
    <t>22730</t>
  </si>
  <si>
    <t>14140</t>
  </si>
  <si>
    <t>10/06/2010 12:00:00 AM</t>
  </si>
  <si>
    <t>24061</t>
  </si>
  <si>
    <t>10100000</t>
  </si>
  <si>
    <t>16639</t>
  </si>
  <si>
    <t>3665</t>
  </si>
  <si>
    <t>1129</t>
  </si>
  <si>
    <t>10/05/2010 12:00:00 AM</t>
  </si>
  <si>
    <t>13464</t>
  </si>
  <si>
    <t>1336</t>
  </si>
  <si>
    <t>9542</t>
  </si>
  <si>
    <t>57091</t>
  </si>
  <si>
    <t>4168</t>
  </si>
  <si>
    <t>2023</t>
  </si>
  <si>
    <t>10/04/2010 12:00:00 AM</t>
  </si>
  <si>
    <t>16545</t>
  </si>
  <si>
    <t>3481</t>
  </si>
  <si>
    <t>4472</t>
  </si>
  <si>
    <t>10/03/2010 12:00:00 AM</t>
  </si>
  <si>
    <t>3768</t>
  </si>
  <si>
    <t>86000</t>
  </si>
  <si>
    <t>1220000</t>
  </si>
  <si>
    <t>66543</t>
  </si>
  <si>
    <t>8172</t>
  </si>
  <si>
    <t>10/02/2010 12:00:00 AM</t>
  </si>
  <si>
    <t>804</t>
  </si>
  <si>
    <t>2524</t>
  </si>
  <si>
    <t>6750</t>
  </si>
  <si>
    <t>3157</t>
  </si>
  <si>
    <t>10/01/2010 12:00:00 AM</t>
  </si>
  <si>
    <t>46500</t>
  </si>
  <si>
    <t>30090</t>
  </si>
  <si>
    <t>1521</t>
  </si>
  <si>
    <t>2107</t>
  </si>
  <si>
    <t>5706</t>
  </si>
  <si>
    <t>09/30/2010 12:00:00 AM</t>
  </si>
  <si>
    <t>861</t>
  </si>
  <si>
    <t>3751</t>
  </si>
  <si>
    <t>4799</t>
  </si>
  <si>
    <t>4280</t>
  </si>
  <si>
    <t>10400</t>
  </si>
  <si>
    <t>36980</t>
  </si>
  <si>
    <t>3647</t>
  </si>
  <si>
    <t>09/29/2010 12:00:00 AM</t>
  </si>
  <si>
    <t>24400</t>
  </si>
  <si>
    <t>102500</t>
  </si>
  <si>
    <t>8817</t>
  </si>
  <si>
    <t>992981</t>
  </si>
  <si>
    <t>1454</t>
  </si>
  <si>
    <t>9053</t>
  </si>
  <si>
    <t>09/28/2010 12:00:00 AM</t>
  </si>
  <si>
    <t>13048</t>
  </si>
  <si>
    <t>2069</t>
  </si>
  <si>
    <t>6319</t>
  </si>
  <si>
    <t>1536</t>
  </si>
  <si>
    <t>217000</t>
  </si>
  <si>
    <t>14200</t>
  </si>
  <si>
    <t>09/27/2010 12:00:00 AM</t>
  </si>
  <si>
    <t>2544</t>
  </si>
  <si>
    <t>1563</t>
  </si>
  <si>
    <t>09/26/2010 12:00:00 AM</t>
  </si>
  <si>
    <t>20620</t>
  </si>
  <si>
    <t>2674</t>
  </si>
  <si>
    <t>2847</t>
  </si>
  <si>
    <t>133078</t>
  </si>
  <si>
    <t>136452</t>
  </si>
  <si>
    <t>09/25/2010 12:00:00 AM</t>
  </si>
  <si>
    <t>4165</t>
  </si>
  <si>
    <t>2636</t>
  </si>
  <si>
    <t>09/24/2010 12:00:00 AM</t>
  </si>
  <si>
    <t>7080</t>
  </si>
  <si>
    <t>734000</t>
  </si>
  <si>
    <t>11547</t>
  </si>
  <si>
    <t>25058</t>
  </si>
  <si>
    <t>1397000</t>
  </si>
  <si>
    <t>5792</t>
  </si>
  <si>
    <t>09/23/2010 12:00:00 AM</t>
  </si>
  <si>
    <t>1795</t>
  </si>
  <si>
    <t>500120</t>
  </si>
  <si>
    <t>14687</t>
  </si>
  <si>
    <t>50177</t>
  </si>
  <si>
    <t>2720</t>
  </si>
  <si>
    <t>09/22/2010 12:00:00 AM</t>
  </si>
  <si>
    <t>4211</t>
  </si>
  <si>
    <t>2151</t>
  </si>
  <si>
    <t>166023</t>
  </si>
  <si>
    <t>4390</t>
  </si>
  <si>
    <t>40050</t>
  </si>
  <si>
    <t>4440</t>
  </si>
  <si>
    <t>09/21/2010 12:00:00 AM</t>
  </si>
  <si>
    <t>2827</t>
  </si>
  <si>
    <t>3475</t>
  </si>
  <si>
    <t>6053</t>
  </si>
  <si>
    <t>9738</t>
  </si>
  <si>
    <t>09/20/2010 12:00:00 AM</t>
  </si>
  <si>
    <t>6138</t>
  </si>
  <si>
    <t>2916</t>
  </si>
  <si>
    <t>5180</t>
  </si>
  <si>
    <t>6073</t>
  </si>
  <si>
    <t>09/19/2010 12:00:00 AM</t>
  </si>
  <si>
    <t>28829</t>
  </si>
  <si>
    <t>1847</t>
  </si>
  <si>
    <t>09/18/2010 12:00:00 AM</t>
  </si>
  <si>
    <t>12886</t>
  </si>
  <si>
    <t>2267000</t>
  </si>
  <si>
    <t>146034</t>
  </si>
  <si>
    <t>1809</t>
  </si>
  <si>
    <t>09/17/2010 12:00:00 AM</t>
  </si>
  <si>
    <t>281431</t>
  </si>
  <si>
    <t>1327500</t>
  </si>
  <si>
    <t>33613</t>
  </si>
  <si>
    <t>3582</t>
  </si>
  <si>
    <t>3926</t>
  </si>
  <si>
    <t>13692</t>
  </si>
  <si>
    <t>10025</t>
  </si>
  <si>
    <t>6139</t>
  </si>
  <si>
    <t>09/16/2010 12:00:00 AM</t>
  </si>
  <si>
    <t>1776</t>
  </si>
  <si>
    <t>5458</t>
  </si>
  <si>
    <t>AQUITANIA</t>
  </si>
  <si>
    <t>60722</t>
  </si>
  <si>
    <t>09/15/2010 12:00:00 AM</t>
  </si>
  <si>
    <t>4885</t>
  </si>
  <si>
    <t>559000</t>
  </si>
  <si>
    <t>4526</t>
  </si>
  <si>
    <t>14700</t>
  </si>
  <si>
    <t>3930</t>
  </si>
  <si>
    <t>09/14/2010 12:00:00 AM</t>
  </si>
  <si>
    <t>51850</t>
  </si>
  <si>
    <t>778</t>
  </si>
  <si>
    <t>4176</t>
  </si>
  <si>
    <t>9200</t>
  </si>
  <si>
    <t>6157</t>
  </si>
  <si>
    <t>195500</t>
  </si>
  <si>
    <t>4469</t>
  </si>
  <si>
    <t>6651</t>
  </si>
  <si>
    <t>09/13/2010 12:00:00 AM</t>
  </si>
  <si>
    <t>3737</t>
  </si>
  <si>
    <t>1059600</t>
  </si>
  <si>
    <t>6278</t>
  </si>
  <si>
    <t>1124</t>
  </si>
  <si>
    <t>311000</t>
  </si>
  <si>
    <t>09/12/2010 12:00:00 AM</t>
  </si>
  <si>
    <t>5177</t>
  </si>
  <si>
    <t>09/11/2010 12:00:00 AM</t>
  </si>
  <si>
    <t>5321</t>
  </si>
  <si>
    <t>21805</t>
  </si>
  <si>
    <t>34300</t>
  </si>
  <si>
    <t>4641</t>
  </si>
  <si>
    <t>8300</t>
  </si>
  <si>
    <t>2606</t>
  </si>
  <si>
    <t>42755</t>
  </si>
  <si>
    <t>1133000</t>
  </si>
  <si>
    <t>09/10/2010 12:00:00 AM</t>
  </si>
  <si>
    <t>1461</t>
  </si>
  <si>
    <t>4295</t>
  </si>
  <si>
    <t>16950</t>
  </si>
  <si>
    <t>16511</t>
  </si>
  <si>
    <t>5007</t>
  </si>
  <si>
    <t>09/09/2010 12:00:00 AM</t>
  </si>
  <si>
    <t>166041</t>
  </si>
  <si>
    <t>1364</t>
  </si>
  <si>
    <t>4930</t>
  </si>
  <si>
    <t>8101</t>
  </si>
  <si>
    <t>1783</t>
  </si>
  <si>
    <t>666920</t>
  </si>
  <si>
    <t>7213</t>
  </si>
  <si>
    <t>09/08/2010 12:00:00 AM</t>
  </si>
  <si>
    <t>4015</t>
  </si>
  <si>
    <t>2761</t>
  </si>
  <si>
    <t>4746</t>
  </si>
  <si>
    <t>85500</t>
  </si>
  <si>
    <t>4584</t>
  </si>
  <si>
    <t>909</t>
  </si>
  <si>
    <t>9450</t>
  </si>
  <si>
    <t>4959</t>
  </si>
  <si>
    <t>8988</t>
  </si>
  <si>
    <t>09/07/2010 12:00:00 AM</t>
  </si>
  <si>
    <t>2993</t>
  </si>
  <si>
    <t>3726</t>
  </si>
  <si>
    <t>1023</t>
  </si>
  <si>
    <t>1361</t>
  </si>
  <si>
    <t>145000</t>
  </si>
  <si>
    <t>2602</t>
  </si>
  <si>
    <t>5231</t>
  </si>
  <si>
    <t>09/06/2010 12:00:00 AM</t>
  </si>
  <si>
    <t>58375</t>
  </si>
  <si>
    <t>303120</t>
  </si>
  <si>
    <t>23215</t>
  </si>
  <si>
    <t>09/05/2010 12:00:00 AM</t>
  </si>
  <si>
    <t>2183</t>
  </si>
  <si>
    <t>1725</t>
  </si>
  <si>
    <t>18580</t>
  </si>
  <si>
    <t>09/04/2010 12:00:00 AM</t>
  </si>
  <si>
    <t>1383</t>
  </si>
  <si>
    <t>37100</t>
  </si>
  <si>
    <t>118000</t>
  </si>
  <si>
    <t>20792</t>
  </si>
  <si>
    <t>117117</t>
  </si>
  <si>
    <t>50249</t>
  </si>
  <si>
    <t>09/03/2010 12:00:00 AM</t>
  </si>
  <si>
    <t>7860</t>
  </si>
  <si>
    <t>69891</t>
  </si>
  <si>
    <t>11/22/2010 12:00:00 AM</t>
  </si>
  <si>
    <t>1652</t>
  </si>
  <si>
    <t>11/21/2010 12:00:00 AM</t>
  </si>
  <si>
    <t>4466</t>
  </si>
  <si>
    <t>844</t>
  </si>
  <si>
    <t>4525</t>
  </si>
  <si>
    <t>LAGUNAS</t>
  </si>
  <si>
    <t>10115</t>
  </si>
  <si>
    <t>11/20/2010 12:00:00 AM</t>
  </si>
  <si>
    <t>4321</t>
  </si>
  <si>
    <t>91636</t>
  </si>
  <si>
    <t>6350</t>
  </si>
  <si>
    <t>23625</t>
  </si>
  <si>
    <t>8442</t>
  </si>
  <si>
    <t>27015</t>
  </si>
  <si>
    <t>3006380</t>
  </si>
  <si>
    <t>11/19/2010 12:00:00 AM</t>
  </si>
  <si>
    <t>7278</t>
  </si>
  <si>
    <t>4822</t>
  </si>
  <si>
    <t>3680</t>
  </si>
  <si>
    <t>3650</t>
  </si>
  <si>
    <t>4735</t>
  </si>
  <si>
    <t>1380</t>
  </si>
  <si>
    <t>4498</t>
  </si>
  <si>
    <t>7540</t>
  </si>
  <si>
    <t>2153</t>
  </si>
  <si>
    <t>11/18/2010 12:00:00 AM</t>
  </si>
  <si>
    <t>6027</t>
  </si>
  <si>
    <t>4027</t>
  </si>
  <si>
    <t>1760</t>
  </si>
  <si>
    <t>11/17/2010 12:00:00 AM</t>
  </si>
  <si>
    <t>11970</t>
  </si>
  <si>
    <t>15660</t>
  </si>
  <si>
    <t>5295</t>
  </si>
  <si>
    <t>11/16/2010 12:00:00 AM</t>
  </si>
  <si>
    <t>6065</t>
  </si>
  <si>
    <t>3465</t>
  </si>
  <si>
    <t>11/15/2010 12:00:00 AM</t>
  </si>
  <si>
    <t>2072000</t>
  </si>
  <si>
    <t>1753</t>
  </si>
  <si>
    <t>3335</t>
  </si>
  <si>
    <t>23800</t>
  </si>
  <si>
    <t>148000</t>
  </si>
  <si>
    <t>11/14/2010 12:00:00 AM</t>
  </si>
  <si>
    <t>CAJERO AUTOMATICO</t>
  </si>
  <si>
    <t>11/13/2010 12:00:00 AM</t>
  </si>
  <si>
    <t>23120</t>
  </si>
  <si>
    <t>4062</t>
  </si>
  <si>
    <t>3669</t>
  </si>
  <si>
    <t>6258</t>
  </si>
  <si>
    <t>11/12/2010 12:00:00 AM</t>
  </si>
  <si>
    <t>18494</t>
  </si>
  <si>
    <t>6069</t>
  </si>
  <si>
    <t>8643</t>
  </si>
  <si>
    <t>6390</t>
  </si>
  <si>
    <t>5342</t>
  </si>
  <si>
    <t>5974</t>
  </si>
  <si>
    <t>3213</t>
  </si>
  <si>
    <t>3490</t>
  </si>
  <si>
    <t>11/11/2010 12:00:00 AM</t>
  </si>
  <si>
    <t>6295</t>
  </si>
  <si>
    <t>3895</t>
  </si>
  <si>
    <t>4447</t>
  </si>
  <si>
    <t>26466</t>
  </si>
  <si>
    <t>3361</t>
  </si>
  <si>
    <t>7114</t>
  </si>
  <si>
    <t>11/10/2010 12:00:00 AM</t>
  </si>
  <si>
    <t>6022</t>
  </si>
  <si>
    <t>6090</t>
  </si>
  <si>
    <t>5548</t>
  </si>
  <si>
    <t>11/09/2010 12:00:00 AM</t>
  </si>
  <si>
    <t>4250000</t>
  </si>
  <si>
    <t>24165</t>
  </si>
  <si>
    <t>16148</t>
  </si>
  <si>
    <t>11/08/2010 12:00:00 AM</t>
  </si>
  <si>
    <t>505000</t>
  </si>
  <si>
    <t>9249</t>
  </si>
  <si>
    <t>81000</t>
  </si>
  <si>
    <t>8029</t>
  </si>
  <si>
    <t>2392</t>
  </si>
  <si>
    <t>11/07/2010 12:00:00 AM</t>
  </si>
  <si>
    <t>3416</t>
  </si>
  <si>
    <t>MARGARITA</t>
  </si>
  <si>
    <t>3183</t>
  </si>
  <si>
    <t>11/06/2010 12:00:00 AM</t>
  </si>
  <si>
    <t>13759</t>
  </si>
  <si>
    <t>66719</t>
  </si>
  <si>
    <t>1409</t>
  </si>
  <si>
    <t>255500</t>
  </si>
  <si>
    <t>11/05/2010 12:00:00 AM</t>
  </si>
  <si>
    <t>LAVA-AUTOS</t>
  </si>
  <si>
    <t>3563</t>
  </si>
  <si>
    <t>11/04/2010 12:00:00 AM</t>
  </si>
  <si>
    <t>50106</t>
  </si>
  <si>
    <t>13519</t>
  </si>
  <si>
    <t>4051</t>
  </si>
  <si>
    <t>122960</t>
  </si>
  <si>
    <t>11/03/2010 12:00:00 AM</t>
  </si>
  <si>
    <t>5252</t>
  </si>
  <si>
    <t>96922</t>
  </si>
  <si>
    <t>3082</t>
  </si>
  <si>
    <t>11/02/2010 12:00:00 AM</t>
  </si>
  <si>
    <t>156000</t>
  </si>
  <si>
    <t>2505</t>
  </si>
  <si>
    <t>2102</t>
  </si>
  <si>
    <t>453000</t>
  </si>
  <si>
    <t>11/01/2010 12:00:00 AM</t>
  </si>
  <si>
    <t>3074</t>
  </si>
  <si>
    <t>8318</t>
  </si>
  <si>
    <t>10/31/2010 12:00:00 AM</t>
  </si>
  <si>
    <t>243123</t>
  </si>
  <si>
    <t>334000</t>
  </si>
  <si>
    <t>4902</t>
  </si>
  <si>
    <t>1973</t>
  </si>
  <si>
    <t>10/30/2010 12:00:00 AM</t>
  </si>
  <si>
    <t>30605</t>
  </si>
  <si>
    <t>3305</t>
  </si>
  <si>
    <t>46774</t>
  </si>
  <si>
    <t>10/29/2010 12:00:00 AM</t>
  </si>
  <si>
    <t>15037</t>
  </si>
  <si>
    <t>2729</t>
  </si>
  <si>
    <t>2829</t>
  </si>
  <si>
    <t>10/28/2010 12:00:00 AM</t>
  </si>
  <si>
    <t>15212</t>
  </si>
  <si>
    <t>231038</t>
  </si>
  <si>
    <t>6108</t>
  </si>
  <si>
    <t>12250</t>
  </si>
  <si>
    <t>1945</t>
  </si>
  <si>
    <t>3780</t>
  </si>
  <si>
    <t>10/27/2010 12:00:00 AM</t>
  </si>
  <si>
    <t>2396</t>
  </si>
  <si>
    <t>3034</t>
  </si>
  <si>
    <t>10050</t>
  </si>
  <si>
    <t>657520</t>
  </si>
  <si>
    <t>8250</t>
  </si>
  <si>
    <t>4262</t>
  </si>
  <si>
    <t>1106</t>
  </si>
  <si>
    <t>10/26/2010 12:00:00 AM</t>
  </si>
  <si>
    <t>1483</t>
  </si>
  <si>
    <t>34700</t>
  </si>
  <si>
    <t>17983</t>
  </si>
  <si>
    <t>54290</t>
  </si>
  <si>
    <t>3128</t>
  </si>
  <si>
    <t>3094</t>
  </si>
  <si>
    <t>10/25/2010 12:00:00 AM</t>
  </si>
  <si>
    <t>2367</t>
  </si>
  <si>
    <t>5376</t>
  </si>
  <si>
    <t>2658</t>
  </si>
  <si>
    <t>10/24/2010 12:00:00 AM</t>
  </si>
  <si>
    <t>22834</t>
  </si>
  <si>
    <t>10060</t>
  </si>
  <si>
    <t>28342</t>
  </si>
  <si>
    <t>4858</t>
  </si>
  <si>
    <t>3590</t>
  </si>
  <si>
    <t>10/23/2010 12:00:00 AM</t>
  </si>
  <si>
    <t>11129</t>
  </si>
  <si>
    <t>2595</t>
  </si>
  <si>
    <t>36688</t>
  </si>
  <si>
    <t>10/22/2010 12:00:00 AM</t>
  </si>
  <si>
    <t>93600</t>
  </si>
  <si>
    <t>7415</t>
  </si>
  <si>
    <t>12630</t>
  </si>
  <si>
    <t>19175</t>
  </si>
  <si>
    <t>15004</t>
  </si>
  <si>
    <t>4597</t>
  </si>
  <si>
    <t>916</t>
  </si>
  <si>
    <t>1533</t>
  </si>
  <si>
    <t>10/21/2010 12:00:00 AM</t>
  </si>
  <si>
    <t>3027</t>
  </si>
  <si>
    <t>161900</t>
  </si>
  <si>
    <t>3960</t>
  </si>
  <si>
    <t>10/20/2010 12:00:00 AM</t>
  </si>
  <si>
    <t>7932</t>
  </si>
  <si>
    <t>16932</t>
  </si>
  <si>
    <t>83761</t>
  </si>
  <si>
    <t>6098</t>
  </si>
  <si>
    <t>10/19/2010 12:00:00 AM</t>
  </si>
  <si>
    <t>6125</t>
  </si>
  <si>
    <t>2013</t>
  </si>
  <si>
    <t>7373</t>
  </si>
  <si>
    <t>10/18/2010 12:00:00 AM</t>
  </si>
  <si>
    <t>2637000</t>
  </si>
  <si>
    <t>7965</t>
  </si>
  <si>
    <t>10/17/2010 12:00:00 AM</t>
  </si>
  <si>
    <t>301044</t>
  </si>
  <si>
    <t>73200</t>
  </si>
  <si>
    <t>3402</t>
  </si>
  <si>
    <t>4229</t>
  </si>
  <si>
    <t>8578</t>
  </si>
  <si>
    <t>1391</t>
  </si>
  <si>
    <t>10/16/2010 12:00:00 AM</t>
  </si>
  <si>
    <t>92134</t>
  </si>
  <si>
    <t>10/15/2010 12:00:00 AM</t>
  </si>
  <si>
    <t>1630</t>
  </si>
  <si>
    <t>4776</t>
  </si>
  <si>
    <t>6142</t>
  </si>
  <si>
    <t>3995</t>
  </si>
  <si>
    <t>1912</t>
  </si>
  <si>
    <t>10/14/2010 12:00:00 AM</t>
  </si>
  <si>
    <t>BUCARASICA</t>
  </si>
  <si>
    <t>2742</t>
  </si>
  <si>
    <t>4883</t>
  </si>
  <si>
    <t>254315</t>
  </si>
  <si>
    <t>214200</t>
  </si>
  <si>
    <t>6675</t>
  </si>
  <si>
    <t>10/13/2010 12:00:00 AM</t>
  </si>
  <si>
    <t>1128</t>
  </si>
  <si>
    <t>5290</t>
  </si>
  <si>
    <t>14191</t>
  </si>
  <si>
    <t>2767</t>
  </si>
  <si>
    <t>3227</t>
  </si>
  <si>
    <t>21008</t>
  </si>
  <si>
    <t>267800</t>
  </si>
  <si>
    <t>5040</t>
  </si>
  <si>
    <t>75600</t>
  </si>
  <si>
    <t>4055</t>
  </si>
  <si>
    <t>90400</t>
  </si>
  <si>
    <t>12/01/2010 12:00:00 AM</t>
  </si>
  <si>
    <t>3802</t>
  </si>
  <si>
    <t>3882</t>
  </si>
  <si>
    <t>11/30/2010 12:00:00 AM</t>
  </si>
  <si>
    <t>3959</t>
  </si>
  <si>
    <t>6648</t>
  </si>
  <si>
    <t>6260</t>
  </si>
  <si>
    <t>11/29/2010 12:00:00 AM</t>
  </si>
  <si>
    <t>4819</t>
  </si>
  <si>
    <t>3513</t>
  </si>
  <si>
    <t>4769</t>
  </si>
  <si>
    <t>13288</t>
  </si>
  <si>
    <t>26340</t>
  </si>
  <si>
    <t>2336</t>
  </si>
  <si>
    <t>11/28/2010 12:00:00 AM</t>
  </si>
  <si>
    <t>8625</t>
  </si>
  <si>
    <t>5031</t>
  </si>
  <si>
    <t>11/27/2010 12:00:00 AM</t>
  </si>
  <si>
    <t>3295</t>
  </si>
  <si>
    <t>4003</t>
  </si>
  <si>
    <t>14144</t>
  </si>
  <si>
    <t>17390</t>
  </si>
  <si>
    <t>2116</t>
  </si>
  <si>
    <t>4667</t>
  </si>
  <si>
    <t>11/26/2010 12:00:00 AM</t>
  </si>
  <si>
    <t>13304</t>
  </si>
  <si>
    <t>67167</t>
  </si>
  <si>
    <t>1595</t>
  </si>
  <si>
    <t>6470</t>
  </si>
  <si>
    <t>1715</t>
  </si>
  <si>
    <t>11/25/2010 12:00:00 AM</t>
  </si>
  <si>
    <t>28673</t>
  </si>
  <si>
    <t>1781</t>
  </si>
  <si>
    <t>6459</t>
  </si>
  <si>
    <t>11/24/2010 12:00:00 AM</t>
  </si>
  <si>
    <t>50836</t>
  </si>
  <si>
    <t>11/23/2010 12:00:00 AM</t>
  </si>
  <si>
    <t>1135300</t>
  </si>
  <si>
    <t>16580</t>
  </si>
  <si>
    <t>4604</t>
  </si>
  <si>
    <t>1679</t>
  </si>
  <si>
    <t>3463</t>
  </si>
  <si>
    <t>1756</t>
  </si>
  <si>
    <t>27226</t>
  </si>
  <si>
    <t>715840</t>
  </si>
  <si>
    <t>4209</t>
  </si>
  <si>
    <t>12/31/2010 12:00:00 AM</t>
  </si>
  <si>
    <t>12/30/2010 12:00:00 AM</t>
  </si>
  <si>
    <t>12/29/2010 12:00:00 AM</t>
  </si>
  <si>
    <t>53900</t>
  </si>
  <si>
    <t>17095</t>
  </si>
  <si>
    <t>12/28/2010 12:00:00 AM</t>
  </si>
  <si>
    <t>6424704</t>
  </si>
  <si>
    <t>4673</t>
  </si>
  <si>
    <t>12/27/2010 12:00:00 AM</t>
  </si>
  <si>
    <t>3676</t>
  </si>
  <si>
    <t>29650</t>
  </si>
  <si>
    <t>3323</t>
  </si>
  <si>
    <t>12/26/2010 12:00:00 AM</t>
  </si>
  <si>
    <t>1416</t>
  </si>
  <si>
    <t>6640</t>
  </si>
  <si>
    <t>12/25/2010 12:00:00 AM</t>
  </si>
  <si>
    <t>12/24/2010 12:00:00 AM</t>
  </si>
  <si>
    <t>12/23/2010 12:00:00 AM</t>
  </si>
  <si>
    <t>6246</t>
  </si>
  <si>
    <t>8765</t>
  </si>
  <si>
    <t>97614</t>
  </si>
  <si>
    <t>12/22/2010 12:00:00 AM</t>
  </si>
  <si>
    <t>8654</t>
  </si>
  <si>
    <t>220672</t>
  </si>
  <si>
    <t>15687</t>
  </si>
  <si>
    <t>12/21/2010 12:00:00 AM</t>
  </si>
  <si>
    <t>21748</t>
  </si>
  <si>
    <t>5538</t>
  </si>
  <si>
    <t>12/20/2010 12:00:00 AM</t>
  </si>
  <si>
    <t>218099</t>
  </si>
  <si>
    <t>40126</t>
  </si>
  <si>
    <t>2003</t>
  </si>
  <si>
    <t>12/19/2010 12:00:00 AM</t>
  </si>
  <si>
    <t>6543</t>
  </si>
  <si>
    <t>435000</t>
  </si>
  <si>
    <t>12/18/2010 12:00:00 AM</t>
  </si>
  <si>
    <t>RÍO QUITO</t>
  </si>
  <si>
    <t>12/17/2010 12:00:00 AM</t>
  </si>
  <si>
    <t>4265</t>
  </si>
  <si>
    <t>2560</t>
  </si>
  <si>
    <t>2958</t>
  </si>
  <si>
    <t>12/16/2010 12:00:00 AM</t>
  </si>
  <si>
    <t>959</t>
  </si>
  <si>
    <t>17040</t>
  </si>
  <si>
    <t>187000</t>
  </si>
  <si>
    <t>19208</t>
  </si>
  <si>
    <t>1952</t>
  </si>
  <si>
    <t>12/15/2010 12:00:00 AM</t>
  </si>
  <si>
    <t>2043</t>
  </si>
  <si>
    <t>3762</t>
  </si>
  <si>
    <t>12/14/2010 12:00:00 AM</t>
  </si>
  <si>
    <t>4963</t>
  </si>
  <si>
    <t>12400</t>
  </si>
  <si>
    <t>4070</t>
  </si>
  <si>
    <t>5426</t>
  </si>
  <si>
    <t>12/13/2010 12:00:00 AM</t>
  </si>
  <si>
    <t>38640</t>
  </si>
  <si>
    <t>3840</t>
  </si>
  <si>
    <t>12/12/2010 12:00:00 AM</t>
  </si>
  <si>
    <t>4934000</t>
  </si>
  <si>
    <t>12/11/2010 12:00:00 AM</t>
  </si>
  <si>
    <t>9836</t>
  </si>
  <si>
    <t>1937</t>
  </si>
  <si>
    <t>12/10/2010 12:00:00 AM</t>
  </si>
  <si>
    <t>53250</t>
  </si>
  <si>
    <t>1687</t>
  </si>
  <si>
    <t>1853</t>
  </si>
  <si>
    <t>3031</t>
  </si>
  <si>
    <t>12/09/2010 12:00:00 AM</t>
  </si>
  <si>
    <t>1488</t>
  </si>
  <si>
    <t>2776</t>
  </si>
  <si>
    <t>14142</t>
  </si>
  <si>
    <t>6950</t>
  </si>
  <si>
    <t>12/08/2010 12:00:00 AM</t>
  </si>
  <si>
    <t>4505</t>
  </si>
  <si>
    <t>8346</t>
  </si>
  <si>
    <t>14130</t>
  </si>
  <si>
    <t>3093</t>
  </si>
  <si>
    <t>12/07/2010 12:00:00 AM</t>
  </si>
  <si>
    <t>2994</t>
  </si>
  <si>
    <t>76000</t>
  </si>
  <si>
    <t>64700</t>
  </si>
  <si>
    <t>2608</t>
  </si>
  <si>
    <t>104500</t>
  </si>
  <si>
    <t>12/06/2010 12:00:00 AM</t>
  </si>
  <si>
    <t>9506</t>
  </si>
  <si>
    <t>12/05/2010 12:00:00 AM</t>
  </si>
  <si>
    <t>12/04/2010 12:00:00 AM</t>
  </si>
  <si>
    <t>110300</t>
  </si>
  <si>
    <t>6250</t>
  </si>
  <si>
    <t>12/03/2010 12:00:00 AM</t>
  </si>
  <si>
    <t>607005</t>
  </si>
  <si>
    <t>9975</t>
  </si>
  <si>
    <t>13141</t>
  </si>
  <si>
    <t>12/02/2010 12:00:00 AM</t>
  </si>
  <si>
    <t>100824</t>
  </si>
  <si>
    <t>1152</t>
  </si>
  <si>
    <t>4182</t>
  </si>
  <si>
    <t>FUENTE DE ORO</t>
  </si>
  <si>
    <t>34943</t>
  </si>
  <si>
    <t>97494</t>
  </si>
  <si>
    <t>4013</t>
  </si>
  <si>
    <t>1459</t>
  </si>
  <si>
    <t>1018884</t>
  </si>
  <si>
    <t>01/01/2012 12:00:00 AM</t>
  </si>
  <si>
    <t>1634</t>
  </si>
  <si>
    <t>01/02/2012 12:00:00 AM</t>
  </si>
  <si>
    <t>1906</t>
  </si>
  <si>
    <t>01/03/2012 12:00:00 AM</t>
  </si>
  <si>
    <t>6419</t>
  </si>
  <si>
    <t>01/04/2012 12:00:00 AM</t>
  </si>
  <si>
    <t>7033</t>
  </si>
  <si>
    <t>3553</t>
  </si>
  <si>
    <t>VILLAGÓMEZ</t>
  </si>
  <si>
    <t>01/05/2012 12:00:00 AM</t>
  </si>
  <si>
    <t>5220</t>
  </si>
  <si>
    <t>5771</t>
  </si>
  <si>
    <t>2967</t>
  </si>
  <si>
    <t>1999</t>
  </si>
  <si>
    <t>01/06/2012 12:00:00 AM</t>
  </si>
  <si>
    <t>3302</t>
  </si>
  <si>
    <t>SEMÁFORO</t>
  </si>
  <si>
    <t>33074</t>
  </si>
  <si>
    <t>5363</t>
  </si>
  <si>
    <t>01/07/2012 12:00:00 AM</t>
  </si>
  <si>
    <t>8700</t>
  </si>
  <si>
    <t>1957</t>
  </si>
  <si>
    <t>MEDIO ATRATO</t>
  </si>
  <si>
    <t>1926</t>
  </si>
  <si>
    <t>01/08/2012 12:00:00 AM</t>
  </si>
  <si>
    <t>4580</t>
  </si>
  <si>
    <t>5332</t>
  </si>
  <si>
    <t>111446</t>
  </si>
  <si>
    <t>4006</t>
  </si>
  <si>
    <t>52228</t>
  </si>
  <si>
    <t>01/09/2012 12:00:00 AM</t>
  </si>
  <si>
    <t>5303</t>
  </si>
  <si>
    <t>10246</t>
  </si>
  <si>
    <t>01/10/2012 12:00:00 AM</t>
  </si>
  <si>
    <t>4205</t>
  </si>
  <si>
    <t>10446</t>
  </si>
  <si>
    <t>9383</t>
  </si>
  <si>
    <t>3307</t>
  </si>
  <si>
    <t>01/11/2012 12:00:00 AM</t>
  </si>
  <si>
    <t>3067</t>
  </si>
  <si>
    <t>2778</t>
  </si>
  <si>
    <t>6487</t>
  </si>
  <si>
    <t>5950</t>
  </si>
  <si>
    <t>10038</t>
  </si>
  <si>
    <t>395000</t>
  </si>
  <si>
    <t>01/12/2012 12:00:00 AM</t>
  </si>
  <si>
    <t>5970</t>
  </si>
  <si>
    <t>01/13/2012 12:00:00 AM</t>
  </si>
  <si>
    <t>176907</t>
  </si>
  <si>
    <t>903</t>
  </si>
  <si>
    <t>01/14/2012 12:00:00 AM</t>
  </si>
  <si>
    <t>38750</t>
  </si>
  <si>
    <t>HACIENDA</t>
  </si>
  <si>
    <t>12300</t>
  </si>
  <si>
    <t>01/15/2012 12:00:00 AM</t>
  </si>
  <si>
    <t>19026</t>
  </si>
  <si>
    <t>01/16/2012 12:00:00 AM</t>
  </si>
  <si>
    <t>3310</t>
  </si>
  <si>
    <t>841</t>
  </si>
  <si>
    <t>01/17/2012 12:00:00 AM</t>
  </si>
  <si>
    <t>20448</t>
  </si>
  <si>
    <t>6928</t>
  </si>
  <si>
    <t>3222</t>
  </si>
  <si>
    <t>01/18/2012 12:00:00 AM</t>
  </si>
  <si>
    <t>36236</t>
  </si>
  <si>
    <t>1079</t>
  </si>
  <si>
    <t>8508</t>
  </si>
  <si>
    <t>43250</t>
  </si>
  <si>
    <t>121400</t>
  </si>
  <si>
    <t>50005</t>
  </si>
  <si>
    <t>13225</t>
  </si>
  <si>
    <t>01/19/2012 12:00:00 AM</t>
  </si>
  <si>
    <t>3909</t>
  </si>
  <si>
    <t>4371</t>
  </si>
  <si>
    <t>1133</t>
  </si>
  <si>
    <t>5740</t>
  </si>
  <si>
    <t>4339</t>
  </si>
  <si>
    <t>1765000</t>
  </si>
  <si>
    <t>50030</t>
  </si>
  <si>
    <t>3900000</t>
  </si>
  <si>
    <t>01/20/2012 12:00:00 AM</t>
  </si>
  <si>
    <t>4255</t>
  </si>
  <si>
    <t>31300</t>
  </si>
  <si>
    <t>2491</t>
  </si>
  <si>
    <t>1936</t>
  </si>
  <si>
    <t>3965</t>
  </si>
  <si>
    <t>5011</t>
  </si>
  <si>
    <t>01/21/2012 12:00:00 AM</t>
  </si>
  <si>
    <t>4509</t>
  </si>
  <si>
    <t>5005</t>
  </si>
  <si>
    <t>6376</t>
  </si>
  <si>
    <t>17779</t>
  </si>
  <si>
    <t>7630</t>
  </si>
  <si>
    <t>4161</t>
  </si>
  <si>
    <t>TIPO EXPLOTACIÓN MARMOL</t>
  </si>
  <si>
    <t>252870</t>
  </si>
  <si>
    <t>01/22/2012 12:00:00 AM</t>
  </si>
  <si>
    <t>7260</t>
  </si>
  <si>
    <t>26413</t>
  </si>
  <si>
    <t>01/23/2012 12:00:00 AM</t>
  </si>
  <si>
    <t>3102</t>
  </si>
  <si>
    <t>3065</t>
  </si>
  <si>
    <t>279000</t>
  </si>
  <si>
    <t>10463</t>
  </si>
  <si>
    <t>01/24/2012 12:00:00 AM</t>
  </si>
  <si>
    <t>5214</t>
  </si>
  <si>
    <t>8551</t>
  </si>
  <si>
    <t>4264</t>
  </si>
  <si>
    <t>5460</t>
  </si>
  <si>
    <t>17557</t>
  </si>
  <si>
    <t>1221</t>
  </si>
  <si>
    <t>4850</t>
  </si>
  <si>
    <t>01/25/2012 12:00:00 AM</t>
  </si>
  <si>
    <t>3970</t>
  </si>
  <si>
    <t>5264</t>
  </si>
  <si>
    <t>9933</t>
  </si>
  <si>
    <t>328000</t>
  </si>
  <si>
    <t>20477</t>
  </si>
  <si>
    <t>1398</t>
  </si>
  <si>
    <t>16350</t>
  </si>
  <si>
    <t>01/26/2012 12:00:00 AM</t>
  </si>
  <si>
    <t>390450</t>
  </si>
  <si>
    <t>333200</t>
  </si>
  <si>
    <t>8214</t>
  </si>
  <si>
    <t>411000</t>
  </si>
  <si>
    <t>78870</t>
  </si>
  <si>
    <t>14798</t>
  </si>
  <si>
    <t>2773</t>
  </si>
  <si>
    <t>13428</t>
  </si>
  <si>
    <t>01/27/2012 12:00:00 AM</t>
  </si>
  <si>
    <t>5797</t>
  </si>
  <si>
    <t>235067</t>
  </si>
  <si>
    <t>110641</t>
  </si>
  <si>
    <t>2108</t>
  </si>
  <si>
    <t>5360</t>
  </si>
  <si>
    <t>23865</t>
  </si>
  <si>
    <t>2853</t>
  </si>
  <si>
    <t>01/28/2012 12:00:00 AM</t>
  </si>
  <si>
    <t>2736</t>
  </si>
  <si>
    <t>77164</t>
  </si>
  <si>
    <t>5940</t>
  </si>
  <si>
    <t>12398</t>
  </si>
  <si>
    <t>7250</t>
  </si>
  <si>
    <t>7502</t>
  </si>
  <si>
    <t>227150</t>
  </si>
  <si>
    <t>01/29/2012 12:00:00 AM</t>
  </si>
  <si>
    <t>2564</t>
  </si>
  <si>
    <t>136439</t>
  </si>
  <si>
    <t>01/30/2012 12:00:00 AM</t>
  </si>
  <si>
    <t>4455</t>
  </si>
  <si>
    <t>4342</t>
  </si>
  <si>
    <t>1567</t>
  </si>
  <si>
    <t>01/31/2012 12:00:00 AM</t>
  </si>
  <si>
    <t>2920</t>
  </si>
  <si>
    <t>3130</t>
  </si>
  <si>
    <t>4153000</t>
  </si>
  <si>
    <t>1348</t>
  </si>
  <si>
    <t>5944</t>
  </si>
  <si>
    <t>1288</t>
  </si>
  <si>
    <t>33500</t>
  </si>
  <si>
    <t>2417</t>
  </si>
  <si>
    <t>4777</t>
  </si>
  <si>
    <t>26265</t>
  </si>
  <si>
    <t>71580</t>
  </si>
  <si>
    <t>3838</t>
  </si>
  <si>
    <t>296875</t>
  </si>
  <si>
    <t>1963000</t>
  </si>
  <si>
    <t>14367</t>
  </si>
  <si>
    <t>642500</t>
  </si>
  <si>
    <t>02/01/2012 12:00:00 AM</t>
  </si>
  <si>
    <t>200550</t>
  </si>
  <si>
    <t>126420</t>
  </si>
  <si>
    <t>104790</t>
  </si>
  <si>
    <t>6010</t>
  </si>
  <si>
    <t>32617</t>
  </si>
  <si>
    <t>200017</t>
  </si>
  <si>
    <t>1908</t>
  </si>
  <si>
    <t>20640</t>
  </si>
  <si>
    <t>02/02/2012 12:00:00 AM</t>
  </si>
  <si>
    <t>17319</t>
  </si>
  <si>
    <t>1181</t>
  </si>
  <si>
    <t>3225</t>
  </si>
  <si>
    <t>41850</t>
  </si>
  <si>
    <t>3454</t>
  </si>
  <si>
    <t>4104</t>
  </si>
  <si>
    <t>25875</t>
  </si>
  <si>
    <t>489700</t>
  </si>
  <si>
    <t>02/03/2012 12:00:00 AM</t>
  </si>
  <si>
    <t>3248</t>
  </si>
  <si>
    <t>105591</t>
  </si>
  <si>
    <t>4993</t>
  </si>
  <si>
    <t>LIBRERIAS</t>
  </si>
  <si>
    <t>119110</t>
  </si>
  <si>
    <t>02/04/2012 12:00:00 AM</t>
  </si>
  <si>
    <t>15974</t>
  </si>
  <si>
    <t>17591</t>
  </si>
  <si>
    <t>267000</t>
  </si>
  <si>
    <t>1554</t>
  </si>
  <si>
    <t>46001</t>
  </si>
  <si>
    <t>550000</t>
  </si>
  <si>
    <t>2194</t>
  </si>
  <si>
    <t>02/05/2012 12:00:00 AM</t>
  </si>
  <si>
    <t>5839</t>
  </si>
  <si>
    <t>3516</t>
  </si>
  <si>
    <t>8820</t>
  </si>
  <si>
    <t>02/06/2012 12:00:00 AM</t>
  </si>
  <si>
    <t>28066</t>
  </si>
  <si>
    <t>5483</t>
  </si>
  <si>
    <t>824</t>
  </si>
  <si>
    <t>1293</t>
  </si>
  <si>
    <t>02/07/2012 12:00:00 AM</t>
  </si>
  <si>
    <t>11154</t>
  </si>
  <si>
    <t>6136</t>
  </si>
  <si>
    <t>5482</t>
  </si>
  <si>
    <t>1017000</t>
  </si>
  <si>
    <t>23035</t>
  </si>
  <si>
    <t>7295</t>
  </si>
  <si>
    <t>2780</t>
  </si>
  <si>
    <t>02/08/2012 12:00:00 AM</t>
  </si>
  <si>
    <t>2970</t>
  </si>
  <si>
    <t>3833</t>
  </si>
  <si>
    <t>77595</t>
  </si>
  <si>
    <t>3859</t>
  </si>
  <si>
    <t>6795</t>
  </si>
  <si>
    <t>02/09/2012 12:00:00 AM</t>
  </si>
  <si>
    <t>7785</t>
  </si>
  <si>
    <t>3172</t>
  </si>
  <si>
    <t>16684</t>
  </si>
  <si>
    <t>7740</t>
  </si>
  <si>
    <t>7235</t>
  </si>
  <si>
    <t>2811</t>
  </si>
  <si>
    <t>10085</t>
  </si>
  <si>
    <t>63030</t>
  </si>
  <si>
    <t>02/10/2012 12:00:00 AM</t>
  </si>
  <si>
    <t>6221</t>
  </si>
  <si>
    <t>6450</t>
  </si>
  <si>
    <t>6339</t>
  </si>
  <si>
    <t>3578</t>
  </si>
  <si>
    <t>9654</t>
  </si>
  <si>
    <t>6900</t>
  </si>
  <si>
    <t>123165</t>
  </si>
  <si>
    <t>9008</t>
  </si>
  <si>
    <t>2869000</t>
  </si>
  <si>
    <t>74953</t>
  </si>
  <si>
    <t>27050</t>
  </si>
  <si>
    <t>02/11/2012 12:00:00 AM</t>
  </si>
  <si>
    <t>1939</t>
  </si>
  <si>
    <t>451000</t>
  </si>
  <si>
    <t>2119</t>
  </si>
  <si>
    <t>1174</t>
  </si>
  <si>
    <t>17458</t>
  </si>
  <si>
    <t>114500</t>
  </si>
  <si>
    <t>02/12/2012 12:00:00 AM</t>
  </si>
  <si>
    <t>3722</t>
  </si>
  <si>
    <t>2382</t>
  </si>
  <si>
    <t>1499</t>
  </si>
  <si>
    <t>2642</t>
  </si>
  <si>
    <t>2417000</t>
  </si>
  <si>
    <t>1393</t>
  </si>
  <si>
    <t>02/13/2012 12:00:00 AM</t>
  </si>
  <si>
    <t>3651</t>
  </si>
  <si>
    <t>2378</t>
  </si>
  <si>
    <t>74932</t>
  </si>
  <si>
    <t>3687000</t>
  </si>
  <si>
    <t>02/14/2012 12:00:00 AM</t>
  </si>
  <si>
    <t>15670</t>
  </si>
  <si>
    <t>4291</t>
  </si>
  <si>
    <t>02/15/2012 12:00:00 AM</t>
  </si>
  <si>
    <t>9937</t>
  </si>
  <si>
    <t>2411</t>
  </si>
  <si>
    <t>5008</t>
  </si>
  <si>
    <t>6360</t>
  </si>
  <si>
    <t>597107</t>
  </si>
  <si>
    <t>52056</t>
  </si>
  <si>
    <t>2832000</t>
  </si>
  <si>
    <t>02/16/2012 12:00:00 AM</t>
  </si>
  <si>
    <t>2710</t>
  </si>
  <si>
    <t>19483</t>
  </si>
  <si>
    <t>7519</t>
  </si>
  <si>
    <t>5259</t>
  </si>
  <si>
    <t>109096</t>
  </si>
  <si>
    <t>246000</t>
  </si>
  <si>
    <t>02/17/2012 12:00:00 AM</t>
  </si>
  <si>
    <t>33123</t>
  </si>
  <si>
    <t>1515</t>
  </si>
  <si>
    <t>6397</t>
  </si>
  <si>
    <t>1779</t>
  </si>
  <si>
    <t>93115</t>
  </si>
  <si>
    <t>02/18/2012 12:00:00 AM</t>
  </si>
  <si>
    <t>5081</t>
  </si>
  <si>
    <t>2029</t>
  </si>
  <si>
    <t>6854</t>
  </si>
  <si>
    <t>CABAÑA</t>
  </si>
  <si>
    <t>637000</t>
  </si>
  <si>
    <t>4158</t>
  </si>
  <si>
    <t>145650</t>
  </si>
  <si>
    <t>02/19/2012 12:00:00 AM</t>
  </si>
  <si>
    <t>5880</t>
  </si>
  <si>
    <t>2976</t>
  </si>
  <si>
    <t>3865</t>
  </si>
  <si>
    <t>273000</t>
  </si>
  <si>
    <t>4200000</t>
  </si>
  <si>
    <t>02/20/2012 12:00:00 AM</t>
  </si>
  <si>
    <t>2691</t>
  </si>
  <si>
    <t>56760</t>
  </si>
  <si>
    <t>02/21/2012 12:00:00 AM</t>
  </si>
  <si>
    <t>16344</t>
  </si>
  <si>
    <t>3869</t>
  </si>
  <si>
    <t>4567</t>
  </si>
  <si>
    <t>255000</t>
  </si>
  <si>
    <t>5570</t>
  </si>
  <si>
    <t>3171</t>
  </si>
  <si>
    <t>3296</t>
  </si>
  <si>
    <t>02/22/2012 12:00:00 AM</t>
  </si>
  <si>
    <t>1887435</t>
  </si>
  <si>
    <t>8918</t>
  </si>
  <si>
    <t>2582</t>
  </si>
  <si>
    <t>5568</t>
  </si>
  <si>
    <t>136125</t>
  </si>
  <si>
    <t>2468</t>
  </si>
  <si>
    <t>2669</t>
  </si>
  <si>
    <t>02/23/2012 12:00:00 AM</t>
  </si>
  <si>
    <t>4242</t>
  </si>
  <si>
    <t>CARMEN DEL DARIEN</t>
  </si>
  <si>
    <t>5019</t>
  </si>
  <si>
    <t>5241</t>
  </si>
  <si>
    <t>3753</t>
  </si>
  <si>
    <t>9114</t>
  </si>
  <si>
    <t>12700</t>
  </si>
  <si>
    <t>10802</t>
  </si>
  <si>
    <t>3550</t>
  </si>
  <si>
    <t>9954</t>
  </si>
  <si>
    <t>6035</t>
  </si>
  <si>
    <t>02/24/2012 12:00:00 AM</t>
  </si>
  <si>
    <t>1962</t>
  </si>
  <si>
    <t>4159</t>
  </si>
  <si>
    <t>21402</t>
  </si>
  <si>
    <t>11185</t>
  </si>
  <si>
    <t>6520</t>
  </si>
  <si>
    <t>02/25/2012 12:00:00 AM</t>
  </si>
  <si>
    <t>17460</t>
  </si>
  <si>
    <t>2544500</t>
  </si>
  <si>
    <t>4191</t>
  </si>
  <si>
    <t>11120</t>
  </si>
  <si>
    <t>9648</t>
  </si>
  <si>
    <t>13380</t>
  </si>
  <si>
    <t>02/26/2012 12:00:00 AM</t>
  </si>
  <si>
    <t>3988</t>
  </si>
  <si>
    <t>13981</t>
  </si>
  <si>
    <t>15088</t>
  </si>
  <si>
    <t>02/27/2012 12:00:00 AM</t>
  </si>
  <si>
    <t>2662</t>
  </si>
  <si>
    <t>197465</t>
  </si>
  <si>
    <t>4962</t>
  </si>
  <si>
    <t>4929</t>
  </si>
  <si>
    <t>2725000</t>
  </si>
  <si>
    <t>20011</t>
  </si>
  <si>
    <t>02/28/2012 12:00:00 AM</t>
  </si>
  <si>
    <t>6758</t>
  </si>
  <si>
    <t>13103</t>
  </si>
  <si>
    <t>3476</t>
  </si>
  <si>
    <t>194400</t>
  </si>
  <si>
    <t>14010</t>
  </si>
  <si>
    <t>6316</t>
  </si>
  <si>
    <t>1333</t>
  </si>
  <si>
    <t>CUBARRAL</t>
  </si>
  <si>
    <t>38007</t>
  </si>
  <si>
    <t>2535</t>
  </si>
  <si>
    <t>2159</t>
  </si>
  <si>
    <t>8800</t>
  </si>
  <si>
    <t>02/29/2012 12:00:00 AM</t>
  </si>
  <si>
    <t>10163</t>
  </si>
  <si>
    <t>1114</t>
  </si>
  <si>
    <t>5924</t>
  </si>
  <si>
    <t>1269</t>
  </si>
  <si>
    <t>3462</t>
  </si>
  <si>
    <t>03/01/2012 12:00:00 AM</t>
  </si>
  <si>
    <t>13659</t>
  </si>
  <si>
    <t>9564</t>
  </si>
  <si>
    <t>121000</t>
  </si>
  <si>
    <t>11307</t>
  </si>
  <si>
    <t>10770</t>
  </si>
  <si>
    <t>153060</t>
  </si>
  <si>
    <t>60124</t>
  </si>
  <si>
    <t>65629</t>
  </si>
  <si>
    <t>415600</t>
  </si>
  <si>
    <t>03/02/2012 12:00:00 AM</t>
  </si>
  <si>
    <t>4179</t>
  </si>
  <si>
    <t>32080</t>
  </si>
  <si>
    <t>7144</t>
  </si>
  <si>
    <t>5635</t>
  </si>
  <si>
    <t>10510</t>
  </si>
  <si>
    <t>03/03/2012 12:00:00 AM</t>
  </si>
  <si>
    <t>99500</t>
  </si>
  <si>
    <t>4638</t>
  </si>
  <si>
    <t>2455</t>
  </si>
  <si>
    <t>1602000</t>
  </si>
  <si>
    <t>4050000</t>
  </si>
  <si>
    <t>03/04/2012 12:00:00 AM</t>
  </si>
  <si>
    <t>3387</t>
  </si>
  <si>
    <t>20080</t>
  </si>
  <si>
    <t>3193</t>
  </si>
  <si>
    <t>6380</t>
  </si>
  <si>
    <t>LA BELLEZA</t>
  </si>
  <si>
    <t>RONCESVALLES</t>
  </si>
  <si>
    <t>03/05/2012 12:00:00 AM</t>
  </si>
  <si>
    <t>2346</t>
  </si>
  <si>
    <t>11187</t>
  </si>
  <si>
    <t>03/06/2012 12:00:00 AM</t>
  </si>
  <si>
    <t>5778</t>
  </si>
  <si>
    <t>777</t>
  </si>
  <si>
    <t>9355</t>
  </si>
  <si>
    <t>3744</t>
  </si>
  <si>
    <t>5988</t>
  </si>
  <si>
    <t>39211</t>
  </si>
  <si>
    <t>1099</t>
  </si>
  <si>
    <t>03/07/2012 12:00:00 AM</t>
  </si>
  <si>
    <t>13674</t>
  </si>
  <si>
    <t>7940</t>
  </si>
  <si>
    <t>61312</t>
  </si>
  <si>
    <t>03/08/2012 12:00:00 AM</t>
  </si>
  <si>
    <t>1463</t>
  </si>
  <si>
    <t>15550</t>
  </si>
  <si>
    <t>1005000</t>
  </si>
  <si>
    <t>35448</t>
  </si>
  <si>
    <t>8386</t>
  </si>
  <si>
    <t>03/09/2012 12:00:00 AM</t>
  </si>
  <si>
    <t>6239</t>
  </si>
  <si>
    <t>1360000</t>
  </si>
  <si>
    <t>8571</t>
  </si>
  <si>
    <t>3199</t>
  </si>
  <si>
    <t>5463</t>
  </si>
  <si>
    <t>4703</t>
  </si>
  <si>
    <t>915000</t>
  </si>
  <si>
    <t>03/10/2012 12:00:00 AM</t>
  </si>
  <si>
    <t>2855</t>
  </si>
  <si>
    <t>105061</t>
  </si>
  <si>
    <t>3596</t>
  </si>
  <si>
    <t>2235</t>
  </si>
  <si>
    <t>7359</t>
  </si>
  <si>
    <t>1746</t>
  </si>
  <si>
    <t>11270</t>
  </si>
  <si>
    <t>171500</t>
  </si>
  <si>
    <t>03/11/2012 12:00:00 AM</t>
  </si>
  <si>
    <t>8270</t>
  </si>
  <si>
    <t>5396</t>
  </si>
  <si>
    <t>24671</t>
  </si>
  <si>
    <t>30470</t>
  </si>
  <si>
    <t>03/12/2012 12:00:00 AM</t>
  </si>
  <si>
    <t>1316</t>
  </si>
  <si>
    <t>94950</t>
  </si>
  <si>
    <t>4263</t>
  </si>
  <si>
    <t>5221</t>
  </si>
  <si>
    <t>3468</t>
  </si>
  <si>
    <t>4001</t>
  </si>
  <si>
    <t>5975</t>
  </si>
  <si>
    <t>03/13/2012 12:00:00 AM</t>
  </si>
  <si>
    <t>3819000</t>
  </si>
  <si>
    <t>15767</t>
  </si>
  <si>
    <t>63415</t>
  </si>
  <si>
    <t>03/14/2012 12:00:00 AM</t>
  </si>
  <si>
    <t>3372</t>
  </si>
  <si>
    <t>10242</t>
  </si>
  <si>
    <t>8805</t>
  </si>
  <si>
    <t>10217</t>
  </si>
  <si>
    <t>4502</t>
  </si>
  <si>
    <t>18200</t>
  </si>
  <si>
    <t>03/15/2012 12:00:00 AM</t>
  </si>
  <si>
    <t>2006</t>
  </si>
  <si>
    <t>1744</t>
  </si>
  <si>
    <t>5121</t>
  </si>
  <si>
    <t>11290</t>
  </si>
  <si>
    <t>2356</t>
  </si>
  <si>
    <t>4863</t>
  </si>
  <si>
    <t>16596</t>
  </si>
  <si>
    <t>80543</t>
  </si>
  <si>
    <t>129517</t>
  </si>
  <si>
    <t>4715</t>
  </si>
  <si>
    <t>03/16/2012 12:00:00 AM</t>
  </si>
  <si>
    <t>15314</t>
  </si>
  <si>
    <t>3152</t>
  </si>
  <si>
    <t>60230</t>
  </si>
  <si>
    <t>159000</t>
  </si>
  <si>
    <t>7725</t>
  </si>
  <si>
    <t>03/17/2012 12:00:00 AM</t>
  </si>
  <si>
    <t>2048</t>
  </si>
  <si>
    <t>8001</t>
  </si>
  <si>
    <t>314701</t>
  </si>
  <si>
    <t>2228</t>
  </si>
  <si>
    <t>13514</t>
  </si>
  <si>
    <t>3836</t>
  </si>
  <si>
    <t>1050000</t>
  </si>
  <si>
    <t>4445</t>
  </si>
  <si>
    <t>3878</t>
  </si>
  <si>
    <t>142000</t>
  </si>
  <si>
    <t>9915</t>
  </si>
  <si>
    <t>285000</t>
  </si>
  <si>
    <t>03/18/2012 12:00:00 AM</t>
  </si>
  <si>
    <t>3731</t>
  </si>
  <si>
    <t>3910</t>
  </si>
  <si>
    <t>03/19/2012 12:00:00 AM</t>
  </si>
  <si>
    <t>TIPO EXPLOTACIÓN SAL</t>
  </si>
  <si>
    <t>1889</t>
  </si>
  <si>
    <t>2444</t>
  </si>
  <si>
    <t>7277</t>
  </si>
  <si>
    <t>2307</t>
  </si>
  <si>
    <t>71000</t>
  </si>
  <si>
    <t>922</t>
  </si>
  <si>
    <t>03/20/2012 12:00:00 AM</t>
  </si>
  <si>
    <t>8010</t>
  </si>
  <si>
    <t>6306</t>
  </si>
  <si>
    <t>03/21/2012 12:00:00 AM</t>
  </si>
  <si>
    <t>799</t>
  </si>
  <si>
    <t>4087</t>
  </si>
  <si>
    <t>3905</t>
  </si>
  <si>
    <t>03/22/2012 12:00:00 AM</t>
  </si>
  <si>
    <t>6402</t>
  </si>
  <si>
    <t>MONGUÍ</t>
  </si>
  <si>
    <t>388960</t>
  </si>
  <si>
    <t>BITUIMA</t>
  </si>
  <si>
    <t>1602</t>
  </si>
  <si>
    <t>5620</t>
  </si>
  <si>
    <t>85558</t>
  </si>
  <si>
    <t>1415</t>
  </si>
  <si>
    <t>2543</t>
  </si>
  <si>
    <t>03/23/2012 12:00:00 AM</t>
  </si>
  <si>
    <t>8610</t>
  </si>
  <si>
    <t>4957</t>
  </si>
  <si>
    <t>5914</t>
  </si>
  <si>
    <t>2463</t>
  </si>
  <si>
    <t>318348</t>
  </si>
  <si>
    <t>409720</t>
  </si>
  <si>
    <t>03/24/2012 12:00:00 AM</t>
  </si>
  <si>
    <t>23500</t>
  </si>
  <si>
    <t>23546</t>
  </si>
  <si>
    <t>9100</t>
  </si>
  <si>
    <t>2763000</t>
  </si>
  <si>
    <t>31100</t>
  </si>
  <si>
    <t>03/25/2012 12:00:00 AM</t>
  </si>
  <si>
    <t>1231</t>
  </si>
  <si>
    <t>14724</t>
  </si>
  <si>
    <t>13528</t>
  </si>
  <si>
    <t>2331000</t>
  </si>
  <si>
    <t>540000</t>
  </si>
  <si>
    <t>9405</t>
  </si>
  <si>
    <t>17240</t>
  </si>
  <si>
    <t>23675</t>
  </si>
  <si>
    <t>03/26/2012 12:00:00 AM</t>
  </si>
  <si>
    <t>4798</t>
  </si>
  <si>
    <t>5895</t>
  </si>
  <si>
    <t>CONDOTO</t>
  </si>
  <si>
    <t>16092</t>
  </si>
  <si>
    <t>5926</t>
  </si>
  <si>
    <t>22400</t>
  </si>
  <si>
    <t>03/27/2012 12:00:00 AM</t>
  </si>
  <si>
    <t>5780</t>
  </si>
  <si>
    <t>6016</t>
  </si>
  <si>
    <t>287850</t>
  </si>
  <si>
    <t>347006</t>
  </si>
  <si>
    <t>03/28/2012 12:00:00 AM</t>
  </si>
  <si>
    <t>2527</t>
  </si>
  <si>
    <t>5477</t>
  </si>
  <si>
    <t>9964</t>
  </si>
  <si>
    <t>9575</t>
  </si>
  <si>
    <t>9028</t>
  </si>
  <si>
    <t>3797</t>
  </si>
  <si>
    <t>5865</t>
  </si>
  <si>
    <t>32141</t>
  </si>
  <si>
    <t>03/29/2012 12:00:00 AM</t>
  </si>
  <si>
    <t>1455</t>
  </si>
  <si>
    <t>DESGUAZADERO</t>
  </si>
  <si>
    <t>5965</t>
  </si>
  <si>
    <t>5395</t>
  </si>
  <si>
    <t>305850</t>
  </si>
  <si>
    <t>03/30/2012 12:00:00 AM</t>
  </si>
  <si>
    <t>4594</t>
  </si>
  <si>
    <t>11045</t>
  </si>
  <si>
    <t>771000</t>
  </si>
  <si>
    <t>4338</t>
  </si>
  <si>
    <t>1683</t>
  </si>
  <si>
    <t>244676</t>
  </si>
  <si>
    <t>51404</t>
  </si>
  <si>
    <t>60066</t>
  </si>
  <si>
    <t>03/31/2012 12:00:00 AM</t>
  </si>
  <si>
    <t>4433</t>
  </si>
  <si>
    <t>27324</t>
  </si>
  <si>
    <t>04/01/2012 12:00:00 AM</t>
  </si>
  <si>
    <t>322000</t>
  </si>
  <si>
    <t>74000</t>
  </si>
  <si>
    <t>305000</t>
  </si>
  <si>
    <t>4972</t>
  </si>
  <si>
    <t>3016000</t>
  </si>
  <si>
    <t>04/02/2012 12:00:00 AM</t>
  </si>
  <si>
    <t>3521</t>
  </si>
  <si>
    <t>18609</t>
  </si>
  <si>
    <t>14707</t>
  </si>
  <si>
    <t>04/03/2012 12:00:00 AM</t>
  </si>
  <si>
    <t>04/04/2012 12:00:00 AM</t>
  </si>
  <si>
    <t>1338</t>
  </si>
  <si>
    <t>5506</t>
  </si>
  <si>
    <t>977</t>
  </si>
  <si>
    <t>79925</t>
  </si>
  <si>
    <t>1596</t>
  </si>
  <si>
    <t>04/05/2012 12:00:00 AM</t>
  </si>
  <si>
    <t>14400</t>
  </si>
  <si>
    <t>5307</t>
  </si>
  <si>
    <t>131395</t>
  </si>
  <si>
    <t>74658</t>
  </si>
  <si>
    <t>04/06/2012 12:00:00 AM</t>
  </si>
  <si>
    <t>2308</t>
  </si>
  <si>
    <t>66705</t>
  </si>
  <si>
    <t>6300000</t>
  </si>
  <si>
    <t>04/07/2012 12:00:00 AM</t>
  </si>
  <si>
    <t>63287</t>
  </si>
  <si>
    <t>4884</t>
  </si>
  <si>
    <t>2647</t>
  </si>
  <si>
    <t>04/08/2012 12:00:00 AM</t>
  </si>
  <si>
    <t>17730</t>
  </si>
  <si>
    <t>04/09/2012 12:00:00 AM</t>
  </si>
  <si>
    <t>1256</t>
  </si>
  <si>
    <t>1991</t>
  </si>
  <si>
    <t>12007</t>
  </si>
  <si>
    <t>40014</t>
  </si>
  <si>
    <t>04/10/2012 12:00:00 AM</t>
  </si>
  <si>
    <t>82350</t>
  </si>
  <si>
    <t>4978</t>
  </si>
  <si>
    <t>2772</t>
  </si>
  <si>
    <t>4786</t>
  </si>
  <si>
    <t>5146</t>
  </si>
  <si>
    <t>31500</t>
  </si>
  <si>
    <t>04/11/2012 12:00:00 AM</t>
  </si>
  <si>
    <t>384585</t>
  </si>
  <si>
    <t>6905</t>
  </si>
  <si>
    <t>4347</t>
  </si>
  <si>
    <t>1269798</t>
  </si>
  <si>
    <t>7727</t>
  </si>
  <si>
    <t>12070</t>
  </si>
  <si>
    <t>19670</t>
  </si>
  <si>
    <t>04/12/2012 12:00:00 AM</t>
  </si>
  <si>
    <t>9992</t>
  </si>
  <si>
    <t>10459</t>
  </si>
  <si>
    <t>4630</t>
  </si>
  <si>
    <t>1613</t>
  </si>
  <si>
    <t>2472</t>
  </si>
  <si>
    <t>10800</t>
  </si>
  <si>
    <t>04/13/2012 12:00:00 AM</t>
  </si>
  <si>
    <t>4932</t>
  </si>
  <si>
    <t>22240</t>
  </si>
  <si>
    <t>2701</t>
  </si>
  <si>
    <t>74915</t>
  </si>
  <si>
    <t>04/14/2012 12:00:00 AM</t>
  </si>
  <si>
    <t>5356</t>
  </si>
  <si>
    <t>166033</t>
  </si>
  <si>
    <t>6876</t>
  </si>
  <si>
    <t>4153</t>
  </si>
  <si>
    <t>2656</t>
  </si>
  <si>
    <t>04/15/2012 12:00:00 AM</t>
  </si>
  <si>
    <t>113069</t>
  </si>
  <si>
    <t>5163</t>
  </si>
  <si>
    <t>1352</t>
  </si>
  <si>
    <t>4669</t>
  </si>
  <si>
    <t>04/16/2012 12:00:00 AM</t>
  </si>
  <si>
    <t>6615</t>
  </si>
  <si>
    <t>8020</t>
  </si>
  <si>
    <t>69871</t>
  </si>
  <si>
    <t>2271</t>
  </si>
  <si>
    <t>49900</t>
  </si>
  <si>
    <t>9700</t>
  </si>
  <si>
    <t>7182</t>
  </si>
  <si>
    <t>8255</t>
  </si>
  <si>
    <t>316000</t>
  </si>
  <si>
    <t>04/17/2012 12:00:00 AM</t>
  </si>
  <si>
    <t>4048</t>
  </si>
  <si>
    <t>51917</t>
  </si>
  <si>
    <t>59051</t>
  </si>
  <si>
    <t>59400</t>
  </si>
  <si>
    <t>42915</t>
  </si>
  <si>
    <t>04/18/2012 12:00:00 AM</t>
  </si>
  <si>
    <t>9421</t>
  </si>
  <si>
    <t>60592</t>
  </si>
  <si>
    <t>122807</t>
  </si>
  <si>
    <t>2508</t>
  </si>
  <si>
    <t>7026</t>
  </si>
  <si>
    <t>1261</t>
  </si>
  <si>
    <t>2520</t>
  </si>
  <si>
    <t>04/19/2012 12:00:00 AM</t>
  </si>
  <si>
    <t>8097</t>
  </si>
  <si>
    <t>51755</t>
  </si>
  <si>
    <t>OROCUÉ</t>
  </si>
  <si>
    <t>117000</t>
  </si>
  <si>
    <t>4041</t>
  </si>
  <si>
    <t>3636</t>
  </si>
  <si>
    <t>1425000</t>
  </si>
  <si>
    <t>12679</t>
  </si>
  <si>
    <t>25980</t>
  </si>
  <si>
    <t>52080</t>
  </si>
  <si>
    <t>137065</t>
  </si>
  <si>
    <t>04/20/2012 12:00:00 AM</t>
  </si>
  <si>
    <t>2386</t>
  </si>
  <si>
    <t>5092</t>
  </si>
  <si>
    <t>1947</t>
  </si>
  <si>
    <t>34190</t>
  </si>
  <si>
    <t>04/21/2012 12:00:00 AM</t>
  </si>
  <si>
    <t>20351</t>
  </si>
  <si>
    <t>59845</t>
  </si>
  <si>
    <t>331825</t>
  </si>
  <si>
    <t>4350000</t>
  </si>
  <si>
    <t>04/22/2012 12:00:00 AM</t>
  </si>
  <si>
    <t>5404</t>
  </si>
  <si>
    <t>CIÉNEGA</t>
  </si>
  <si>
    <t>04/23/2012 12:00:00 AM</t>
  </si>
  <si>
    <t>3038</t>
  </si>
  <si>
    <t>10761</t>
  </si>
  <si>
    <t>18350</t>
  </si>
  <si>
    <t>04/24/2012 12:00:00 AM</t>
  </si>
  <si>
    <t>102315</t>
  </si>
  <si>
    <t>111544</t>
  </si>
  <si>
    <t>52435</t>
  </si>
  <si>
    <t>31137</t>
  </si>
  <si>
    <t>04/25/2012 12:00:00 AM</t>
  </si>
  <si>
    <t>7141</t>
  </si>
  <si>
    <t>275000</t>
  </si>
  <si>
    <t>401963</t>
  </si>
  <si>
    <t>3408000</t>
  </si>
  <si>
    <t>152115</t>
  </si>
  <si>
    <t>890000</t>
  </si>
  <si>
    <t>1510000</t>
  </si>
  <si>
    <t>2399</t>
  </si>
  <si>
    <t>04/26/2012 12:00:00 AM</t>
  </si>
  <si>
    <t>42806</t>
  </si>
  <si>
    <t>115816</t>
  </si>
  <si>
    <t>13300</t>
  </si>
  <si>
    <t>65161</t>
  </si>
  <si>
    <t>3360000</t>
  </si>
  <si>
    <t>04/27/2012 12:00:00 AM</t>
  </si>
  <si>
    <t>1281228</t>
  </si>
  <si>
    <t>VILLAHERMOSA</t>
  </si>
  <si>
    <t>4446</t>
  </si>
  <si>
    <t>04/28/2012 12:00:00 AM</t>
  </si>
  <si>
    <t>1179</t>
  </si>
  <si>
    <t>2850</t>
  </si>
  <si>
    <t>2822</t>
  </si>
  <si>
    <t>385733</t>
  </si>
  <si>
    <t>9979</t>
  </si>
  <si>
    <t>12259</t>
  </si>
  <si>
    <t>1772</t>
  </si>
  <si>
    <t>04/29/2012 12:00:00 AM</t>
  </si>
  <si>
    <t>161000</t>
  </si>
  <si>
    <t>9427</t>
  </si>
  <si>
    <t>04/30/2012 12:00:00 AM</t>
  </si>
  <si>
    <t>6381</t>
  </si>
  <si>
    <t>2225</t>
  </si>
  <si>
    <t>4162</t>
  </si>
  <si>
    <t>05/01/2012 12:00:00 AM</t>
  </si>
  <si>
    <t>12236</t>
  </si>
  <si>
    <t>161446</t>
  </si>
  <si>
    <t>05/02/2012 12:00:00 AM</t>
  </si>
  <si>
    <t>7220</t>
  </si>
  <si>
    <t>10845</t>
  </si>
  <si>
    <t>18778</t>
  </si>
  <si>
    <t>50028</t>
  </si>
  <si>
    <t>6630</t>
  </si>
  <si>
    <t>05/03/2012 12:00:00 AM</t>
  </si>
  <si>
    <t>6736</t>
  </si>
  <si>
    <t>983</t>
  </si>
  <si>
    <t>202448</t>
  </si>
  <si>
    <t>5838</t>
  </si>
  <si>
    <t>210289</t>
  </si>
  <si>
    <t>33596</t>
  </si>
  <si>
    <t>3177</t>
  </si>
  <si>
    <t>250697</t>
  </si>
  <si>
    <t>7750</t>
  </si>
  <si>
    <t>05/04/2012 12:00:00 AM</t>
  </si>
  <si>
    <t>2889</t>
  </si>
  <si>
    <t>3627</t>
  </si>
  <si>
    <t>3541</t>
  </si>
  <si>
    <t>20005</t>
  </si>
  <si>
    <t>1823</t>
  </si>
  <si>
    <t>100935</t>
  </si>
  <si>
    <t>05/05/2012 12:00:00 AM</t>
  </si>
  <si>
    <t>2297</t>
  </si>
  <si>
    <t>9116</t>
  </si>
  <si>
    <t>MOTAVITA</t>
  </si>
  <si>
    <t>3349</t>
  </si>
  <si>
    <t>3551</t>
  </si>
  <si>
    <t>15741</t>
  </si>
  <si>
    <t>25150</t>
  </si>
  <si>
    <t>3146</t>
  </si>
  <si>
    <t>05/06/2012 12:00:00 AM</t>
  </si>
  <si>
    <t>2009500</t>
  </si>
  <si>
    <t>2219</t>
  </si>
  <si>
    <t>3352</t>
  </si>
  <si>
    <t>42303</t>
  </si>
  <si>
    <t>05/07/2012 12:00:00 AM</t>
  </si>
  <si>
    <t>3276</t>
  </si>
  <si>
    <t>05/08/2012 12:00:00 AM</t>
  </si>
  <si>
    <t>362000</t>
  </si>
  <si>
    <t>4694</t>
  </si>
  <si>
    <t>17930</t>
  </si>
  <si>
    <t>3345</t>
  </si>
  <si>
    <t>RÍO VIEJO</t>
  </si>
  <si>
    <t>3968</t>
  </si>
  <si>
    <t>3068000</t>
  </si>
  <si>
    <t>5105</t>
  </si>
  <si>
    <t>05/09/2012 12:00:00 AM</t>
  </si>
  <si>
    <t>33855</t>
  </si>
  <si>
    <t>4717</t>
  </si>
  <si>
    <t>3069</t>
  </si>
  <si>
    <t>5621</t>
  </si>
  <si>
    <t>12730</t>
  </si>
  <si>
    <t>05/10/2012 12:00:00 AM</t>
  </si>
  <si>
    <t>8652</t>
  </si>
  <si>
    <t>28180</t>
  </si>
  <si>
    <t>14544</t>
  </si>
  <si>
    <t>12545</t>
  </si>
  <si>
    <t>28360</t>
  </si>
  <si>
    <t>5518</t>
  </si>
  <si>
    <t>6303</t>
  </si>
  <si>
    <t>39025</t>
  </si>
  <si>
    <t>05/11/2012 12:00:00 AM</t>
  </si>
  <si>
    <t>6095</t>
  </si>
  <si>
    <t>41555</t>
  </si>
  <si>
    <t>439000</t>
  </si>
  <si>
    <t>2557</t>
  </si>
  <si>
    <t>25546</t>
  </si>
  <si>
    <t>05/12/2012 12:00:00 AM</t>
  </si>
  <si>
    <t>CORREDORES FLUVIALES</t>
  </si>
  <si>
    <t>15969</t>
  </si>
  <si>
    <t>34681</t>
  </si>
  <si>
    <t>12045</t>
  </si>
  <si>
    <t>7610</t>
  </si>
  <si>
    <t>05/13/2012 12:00:00 AM</t>
  </si>
  <si>
    <t>16784</t>
  </si>
  <si>
    <t>05/14/2012 12:00:00 AM</t>
  </si>
  <si>
    <t>4686</t>
  </si>
  <si>
    <t>20120</t>
  </si>
  <si>
    <t>05/15/2012 12:00:00 AM</t>
  </si>
  <si>
    <t>77980</t>
  </si>
  <si>
    <t>3678</t>
  </si>
  <si>
    <t>05/16/2012 12:00:00 AM</t>
  </si>
  <si>
    <t>5516</t>
  </si>
  <si>
    <t>4778</t>
  </si>
  <si>
    <t>1524800</t>
  </si>
  <si>
    <t>05/17/2012 12:00:00 AM</t>
  </si>
  <si>
    <t>6192</t>
  </si>
  <si>
    <t>17033</t>
  </si>
  <si>
    <t>1378</t>
  </si>
  <si>
    <t>23200</t>
  </si>
  <si>
    <t>15822</t>
  </si>
  <si>
    <t>05/18/2012 12:00:00 AM</t>
  </si>
  <si>
    <t>12170</t>
  </si>
  <si>
    <t>1815</t>
  </si>
  <si>
    <t>2894</t>
  </si>
  <si>
    <t>30087</t>
  </si>
  <si>
    <t>1761</t>
  </si>
  <si>
    <t>2568</t>
  </si>
  <si>
    <t>6264</t>
  </si>
  <si>
    <t>612000</t>
  </si>
  <si>
    <t>05/19/2012 12:00:00 AM</t>
  </si>
  <si>
    <t>5484</t>
  </si>
  <si>
    <t>3760</t>
  </si>
  <si>
    <t>4609</t>
  </si>
  <si>
    <t>05/20/2012 12:00:00 AM</t>
  </si>
  <si>
    <t>7832</t>
  </si>
  <si>
    <t>13046</t>
  </si>
  <si>
    <t>1009768</t>
  </si>
  <si>
    <t>29362</t>
  </si>
  <si>
    <t>6448</t>
  </si>
  <si>
    <t>05/21/2012 12:00:00 AM</t>
  </si>
  <si>
    <t>8906</t>
  </si>
  <si>
    <t>3914</t>
  </si>
  <si>
    <t>2986</t>
  </si>
  <si>
    <t>3050</t>
  </si>
  <si>
    <t>05/22/2012 12:00:00 AM</t>
  </si>
  <si>
    <t>9430</t>
  </si>
  <si>
    <t>2166</t>
  </si>
  <si>
    <t>4641000</t>
  </si>
  <si>
    <t>05/23/2012 12:00:00 AM</t>
  </si>
  <si>
    <t>10583</t>
  </si>
  <si>
    <t>4892</t>
  </si>
  <si>
    <t>15977</t>
  </si>
  <si>
    <t>3635</t>
  </si>
  <si>
    <t>3659</t>
  </si>
  <si>
    <t>05/24/2012 12:00:00 AM</t>
  </si>
  <si>
    <t>4283</t>
  </si>
  <si>
    <t>41143</t>
  </si>
  <si>
    <t>NUEVO COLÓN</t>
  </si>
  <si>
    <t>5333</t>
  </si>
  <si>
    <t>3919</t>
  </si>
  <si>
    <t>14640</t>
  </si>
  <si>
    <t>28890</t>
  </si>
  <si>
    <t>11210</t>
  </si>
  <si>
    <t>26650</t>
  </si>
  <si>
    <t>408127</t>
  </si>
  <si>
    <t>05/25/2012 12:00:00 AM</t>
  </si>
  <si>
    <t>30487</t>
  </si>
  <si>
    <t>11775</t>
  </si>
  <si>
    <t>249000</t>
  </si>
  <si>
    <t>165025</t>
  </si>
  <si>
    <t>22710</t>
  </si>
  <si>
    <t>05/26/2012 12:00:00 AM</t>
  </si>
  <si>
    <t>19300</t>
  </si>
  <si>
    <t>1343</t>
  </si>
  <si>
    <t>1888</t>
  </si>
  <si>
    <t>19962</t>
  </si>
  <si>
    <t>5375</t>
  </si>
  <si>
    <t>2134</t>
  </si>
  <si>
    <t>05/27/2012 12:00:00 AM</t>
  </si>
  <si>
    <t>6963</t>
  </si>
  <si>
    <t>2175</t>
  </si>
  <si>
    <t>1943</t>
  </si>
  <si>
    <t>19150</t>
  </si>
  <si>
    <t>05/28/2012 12:00:00 AM</t>
  </si>
  <si>
    <t>7800</t>
  </si>
  <si>
    <t>4132</t>
  </si>
  <si>
    <t>05/29/2012 12:00:00 AM</t>
  </si>
  <si>
    <t>20786</t>
  </si>
  <si>
    <t>1676</t>
  </si>
  <si>
    <t>10525</t>
  </si>
  <si>
    <t>8539</t>
  </si>
  <si>
    <t>497000</t>
  </si>
  <si>
    <t>2237</t>
  </si>
  <si>
    <t>95200</t>
  </si>
  <si>
    <t>10099</t>
  </si>
  <si>
    <t>20375</t>
  </si>
  <si>
    <t>05/30/2012 12:00:00 AM</t>
  </si>
  <si>
    <t>10250</t>
  </si>
  <si>
    <t>15080</t>
  </si>
  <si>
    <t>17927</t>
  </si>
  <si>
    <t>11363</t>
  </si>
  <si>
    <t>31474</t>
  </si>
  <si>
    <t>159007</t>
  </si>
  <si>
    <t>2921</t>
  </si>
  <si>
    <t>55090</t>
  </si>
  <si>
    <t>05/31/2012 12:00:00 AM</t>
  </si>
  <si>
    <t>26370</t>
  </si>
  <si>
    <t>19370</t>
  </si>
  <si>
    <t>17100</t>
  </si>
  <si>
    <t>56000</t>
  </si>
  <si>
    <t>22252</t>
  </si>
  <si>
    <t>7400</t>
  </si>
  <si>
    <t>570000</t>
  </si>
  <si>
    <t>06/01/2012 12:00:00 AM</t>
  </si>
  <si>
    <t>3562</t>
  </si>
  <si>
    <t>2263750</t>
  </si>
  <si>
    <t>280988</t>
  </si>
  <si>
    <t>06/02/2012 12:00:00 AM</t>
  </si>
  <si>
    <t>3982</t>
  </si>
  <si>
    <t>56886</t>
  </si>
  <si>
    <t>21490</t>
  </si>
  <si>
    <t>7008</t>
  </si>
  <si>
    <t>06/03/2012 12:00:00 AM</t>
  </si>
  <si>
    <t>4049</t>
  </si>
  <si>
    <t>41070</t>
  </si>
  <si>
    <t>06/04/2012 12:00:00 AM</t>
  </si>
  <si>
    <t>2849</t>
  </si>
  <si>
    <t>5056</t>
  </si>
  <si>
    <t>16040</t>
  </si>
  <si>
    <t>06/05/2012 12:00:00 AM</t>
  </si>
  <si>
    <t>2181</t>
  </si>
  <si>
    <t>36131</t>
  </si>
  <si>
    <t>38320</t>
  </si>
  <si>
    <t>3181</t>
  </si>
  <si>
    <t>58905</t>
  </si>
  <si>
    <t>8044</t>
  </si>
  <si>
    <t>603385</t>
  </si>
  <si>
    <t>2716</t>
  </si>
  <si>
    <t>06/06/2012 12:00:00 AM</t>
  </si>
  <si>
    <t>6527</t>
  </si>
  <si>
    <t>6236</t>
  </si>
  <si>
    <t>3395500</t>
  </si>
  <si>
    <t>35730</t>
  </si>
  <si>
    <t>06/07/2012 12:00:00 AM</t>
  </si>
  <si>
    <t>395500</t>
  </si>
  <si>
    <t>455070</t>
  </si>
  <si>
    <t>2904</t>
  </si>
  <si>
    <t>6502</t>
  </si>
  <si>
    <t>4271</t>
  </si>
  <si>
    <t>06/08/2012 12:00:00 AM</t>
  </si>
  <si>
    <t>3658</t>
  </si>
  <si>
    <t>47608</t>
  </si>
  <si>
    <t>24345</t>
  </si>
  <si>
    <t>332642</t>
  </si>
  <si>
    <t>970000</t>
  </si>
  <si>
    <t>204850</t>
  </si>
  <si>
    <t>24310</t>
  </si>
  <si>
    <t>19261</t>
  </si>
  <si>
    <t>06/09/2012 12:00:00 AM</t>
  </si>
  <si>
    <t>101800</t>
  </si>
  <si>
    <t>5002</t>
  </si>
  <si>
    <t>9130</t>
  </si>
  <si>
    <t>11913</t>
  </si>
  <si>
    <t>1377</t>
  </si>
  <si>
    <t>3984</t>
  </si>
  <si>
    <t>06/10/2012 12:00:00 AM</t>
  </si>
  <si>
    <t>1509</t>
  </si>
  <si>
    <t>06/11/2012 12:00:00 AM</t>
  </si>
  <si>
    <t>4376</t>
  </si>
  <si>
    <t>2927</t>
  </si>
  <si>
    <t>06/12/2012 12:00:00 AM</t>
  </si>
  <si>
    <t>6827</t>
  </si>
  <si>
    <t>41895</t>
  </si>
  <si>
    <t>06/13/2012 12:00:00 AM</t>
  </si>
  <si>
    <t>2728</t>
  </si>
  <si>
    <t>06/14/2012 12:00:00 AM</t>
  </si>
  <si>
    <t>32595</t>
  </si>
  <si>
    <t>8603</t>
  </si>
  <si>
    <t>1519</t>
  </si>
  <si>
    <t>3162</t>
  </si>
  <si>
    <t>4920</t>
  </si>
  <si>
    <t>4830</t>
  </si>
  <si>
    <t>06/15/2012 12:00:00 AM</t>
  </si>
  <si>
    <t>2415</t>
  </si>
  <si>
    <t>2749</t>
  </si>
  <si>
    <t>4547</t>
  </si>
  <si>
    <t>5492</t>
  </si>
  <si>
    <t>7212</t>
  </si>
  <si>
    <t>2112</t>
  </si>
  <si>
    <t>35400</t>
  </si>
  <si>
    <t>06/16/2012 12:00:00 AM</t>
  </si>
  <si>
    <t>8776</t>
  </si>
  <si>
    <t>4924</t>
  </si>
  <si>
    <t>18037</t>
  </si>
  <si>
    <t>06/17/2012 12:00:00 AM</t>
  </si>
  <si>
    <t>06/18/2012 12:00:00 AM</t>
  </si>
  <si>
    <t>1703</t>
  </si>
  <si>
    <t>396000</t>
  </si>
  <si>
    <t>06/19/2012 12:00:00 AM</t>
  </si>
  <si>
    <t>3042</t>
  </si>
  <si>
    <t>6500000</t>
  </si>
  <si>
    <t>29764</t>
  </si>
  <si>
    <t>06/20/2012 12:00:00 AM</t>
  </si>
  <si>
    <t>4849</t>
  </si>
  <si>
    <t>7679</t>
  </si>
  <si>
    <t>3652</t>
  </si>
  <si>
    <t>06/21/2012 12:00:00 AM</t>
  </si>
  <si>
    <t>5827</t>
  </si>
  <si>
    <t>340000</t>
  </si>
  <si>
    <t>8435</t>
  </si>
  <si>
    <t>5076</t>
  </si>
  <si>
    <t>201400</t>
  </si>
  <si>
    <t>1819</t>
  </si>
  <si>
    <t>2030000</t>
  </si>
  <si>
    <t>290740</t>
  </si>
  <si>
    <t>250025</t>
  </si>
  <si>
    <t>06/22/2012 12:00:00 AM</t>
  </si>
  <si>
    <t>2914</t>
  </si>
  <si>
    <t>380409</t>
  </si>
  <si>
    <t>16362</t>
  </si>
  <si>
    <t>2542</t>
  </si>
  <si>
    <t>2727</t>
  </si>
  <si>
    <t>3127</t>
  </si>
  <si>
    <t>25480</t>
  </si>
  <si>
    <t>4185</t>
  </si>
  <si>
    <t>CHIMA</t>
  </si>
  <si>
    <t>06/23/2012 12:00:00 AM</t>
  </si>
  <si>
    <t>2905</t>
  </si>
  <si>
    <t>2891</t>
  </si>
  <si>
    <t>930000</t>
  </si>
  <si>
    <t>7024</t>
  </si>
  <si>
    <t>2186</t>
  </si>
  <si>
    <t>26725</t>
  </si>
  <si>
    <t>64453</t>
  </si>
  <si>
    <t>06/24/2012 12:00:00 AM</t>
  </si>
  <si>
    <t>2547</t>
  </si>
  <si>
    <t>06/25/2012 12:00:00 AM</t>
  </si>
  <si>
    <t>1972</t>
  </si>
  <si>
    <t>3979</t>
  </si>
  <si>
    <t>9086</t>
  </si>
  <si>
    <t>2286</t>
  </si>
  <si>
    <t>178102</t>
  </si>
  <si>
    <t>06/26/2012 12:00:00 AM</t>
  </si>
  <si>
    <t>6735</t>
  </si>
  <si>
    <t>17222</t>
  </si>
  <si>
    <t>11110</t>
  </si>
  <si>
    <t>06/27/2012 12:00:00 AM</t>
  </si>
  <si>
    <t>4468</t>
  </si>
  <si>
    <t>4141</t>
  </si>
  <si>
    <t>750000</t>
  </si>
  <si>
    <t>9091</t>
  </si>
  <si>
    <t>5012</t>
  </si>
  <si>
    <t>10891</t>
  </si>
  <si>
    <t>06/28/2012 12:00:00 AM</t>
  </si>
  <si>
    <t>21040</t>
  </si>
  <si>
    <t>6012</t>
  </si>
  <si>
    <t>4896</t>
  </si>
  <si>
    <t>51030</t>
  </si>
  <si>
    <t>06/29/2012 12:00:00 AM</t>
  </si>
  <si>
    <t>179700</t>
  </si>
  <si>
    <t>4868</t>
  </si>
  <si>
    <t>1922</t>
  </si>
  <si>
    <t>50710</t>
  </si>
  <si>
    <t>540035</t>
  </si>
  <si>
    <t>155953</t>
  </si>
  <si>
    <t>06/30/2012 12:00:00 AM</t>
  </si>
  <si>
    <t>8085</t>
  </si>
  <si>
    <t>6005</t>
  </si>
  <si>
    <t>960000</t>
  </si>
  <si>
    <t>11895</t>
  </si>
  <si>
    <t>19532</t>
  </si>
  <si>
    <t>07/01/2012 12:00:00 AM</t>
  </si>
  <si>
    <t>13800</t>
  </si>
  <si>
    <t>07/02/2012 12:00:00 AM</t>
  </si>
  <si>
    <t>3098</t>
  </si>
  <si>
    <t>722000</t>
  </si>
  <si>
    <t>9685</t>
  </si>
  <si>
    <t>14979</t>
  </si>
  <si>
    <t>07/03/2012 12:00:00 AM</t>
  </si>
  <si>
    <t>603000</t>
  </si>
  <si>
    <t>10489</t>
  </si>
  <si>
    <t>2143</t>
  </si>
  <si>
    <t>825000</t>
  </si>
  <si>
    <t>92268</t>
  </si>
  <si>
    <t>506010</t>
  </si>
  <si>
    <t>07/04/2012 12:00:00 AM</t>
  </si>
  <si>
    <t>7891</t>
  </si>
  <si>
    <t>07/05/2012 12:00:00 AM</t>
  </si>
  <si>
    <t>8692</t>
  </si>
  <si>
    <t>1992</t>
  </si>
  <si>
    <t>4372</t>
  </si>
  <si>
    <t>1274</t>
  </si>
  <si>
    <t>07/06/2012 12:00:00 AM</t>
  </si>
  <si>
    <t>7268</t>
  </si>
  <si>
    <t>6564</t>
  </si>
  <si>
    <t>4507</t>
  </si>
  <si>
    <t>10226</t>
  </si>
  <si>
    <t>2963</t>
  </si>
  <si>
    <t>49000</t>
  </si>
  <si>
    <t>4866</t>
  </si>
  <si>
    <t>75362</t>
  </si>
  <si>
    <t>22092</t>
  </si>
  <si>
    <t>87600</t>
  </si>
  <si>
    <t>07/07/2012 12:00:00 AM</t>
  </si>
  <si>
    <t>1901</t>
  </si>
  <si>
    <t>2114</t>
  </si>
  <si>
    <t>4117</t>
  </si>
  <si>
    <t>52345</t>
  </si>
  <si>
    <t>28132</t>
  </si>
  <si>
    <t>110025</t>
  </si>
  <si>
    <t>07/08/2012 12:00:00 AM</t>
  </si>
  <si>
    <t>120620</t>
  </si>
  <si>
    <t>5182</t>
  </si>
  <si>
    <t>07/09/2012 12:00:00 AM</t>
  </si>
  <si>
    <t>2303</t>
  </si>
  <si>
    <t>2077</t>
  </si>
  <si>
    <t>3477</t>
  </si>
  <si>
    <t>85318</t>
  </si>
  <si>
    <t>11350</t>
  </si>
  <si>
    <t>194000</t>
  </si>
  <si>
    <t>07/10/2012 12:00:00 AM</t>
  </si>
  <si>
    <t>1609</t>
  </si>
  <si>
    <t>619000</t>
  </si>
  <si>
    <t>24450</t>
  </si>
  <si>
    <t>5763</t>
  </si>
  <si>
    <t>32050</t>
  </si>
  <si>
    <t>10300</t>
  </si>
  <si>
    <t>07/11/2012 12:00:00 AM</t>
  </si>
  <si>
    <t>3920000</t>
  </si>
  <si>
    <t>07/12/2012 12:00:00 AM</t>
  </si>
  <si>
    <t>38900</t>
  </si>
  <si>
    <t>4120</t>
  </si>
  <si>
    <t>3679</t>
  </si>
  <si>
    <t>1271</t>
  </si>
  <si>
    <t>8431</t>
  </si>
  <si>
    <t>35053</t>
  </si>
  <si>
    <t>07/13/2012 12:00:00 AM</t>
  </si>
  <si>
    <t>1550000</t>
  </si>
  <si>
    <t>07/14/2012 12:00:00 AM</t>
  </si>
  <si>
    <t>3455</t>
  </si>
  <si>
    <t>241000</t>
  </si>
  <si>
    <t>1714</t>
  </si>
  <si>
    <t>1852</t>
  </si>
  <si>
    <t>4514</t>
  </si>
  <si>
    <t>28010</t>
  </si>
  <si>
    <t>07/15/2012 12:00:00 AM</t>
  </si>
  <si>
    <t>1584</t>
  </si>
  <si>
    <t>32250</t>
  </si>
  <si>
    <t>24357</t>
  </si>
  <si>
    <t>7649</t>
  </si>
  <si>
    <t>2329</t>
  </si>
  <si>
    <t>07/16/2012 12:00:00 AM</t>
  </si>
  <si>
    <t>7129</t>
  </si>
  <si>
    <t>SUSACÓN</t>
  </si>
  <si>
    <t>3112</t>
  </si>
  <si>
    <t>31828</t>
  </si>
  <si>
    <t>6128</t>
  </si>
  <si>
    <t>07/17/2012 12:00:00 AM</t>
  </si>
  <si>
    <t>6660</t>
  </si>
  <si>
    <t>4936</t>
  </si>
  <si>
    <t>32826</t>
  </si>
  <si>
    <t>73305</t>
  </si>
  <si>
    <t>33048</t>
  </si>
  <si>
    <t>43976</t>
  </si>
  <si>
    <t>1803</t>
  </si>
  <si>
    <t>204000</t>
  </si>
  <si>
    <t>07/18/2012 12:00:00 AM</t>
  </si>
  <si>
    <t>21556</t>
  </si>
  <si>
    <t>7236</t>
  </si>
  <si>
    <t>3444</t>
  </si>
  <si>
    <t>67435</t>
  </si>
  <si>
    <t>07/19/2012 12:00:00 AM</t>
  </si>
  <si>
    <t>37025</t>
  </si>
  <si>
    <t>4420</t>
  </si>
  <si>
    <t>4944</t>
  </si>
  <si>
    <t>07/20/2012 12:00:00 AM</t>
  </si>
  <si>
    <t>95757</t>
  </si>
  <si>
    <t>14120</t>
  </si>
  <si>
    <t>4244</t>
  </si>
  <si>
    <t>07/21/2012 12:00:00 AM</t>
  </si>
  <si>
    <t>38461</t>
  </si>
  <si>
    <t>275290</t>
  </si>
  <si>
    <t>29610</t>
  </si>
  <si>
    <t>2400000</t>
  </si>
  <si>
    <t>6354</t>
  </si>
  <si>
    <t>07/22/2012 12:00:00 AM</t>
  </si>
  <si>
    <t>8778</t>
  </si>
  <si>
    <t>07/23/2012 12:00:00 AM</t>
  </si>
  <si>
    <t>3945</t>
  </si>
  <si>
    <t>6927</t>
  </si>
  <si>
    <t>07/24/2012 12:00:00 AM</t>
  </si>
  <si>
    <t>5937</t>
  </si>
  <si>
    <t>3226</t>
  </si>
  <si>
    <t>1876000</t>
  </si>
  <si>
    <t>10198</t>
  </si>
  <si>
    <t>3052</t>
  </si>
  <si>
    <t>07/25/2012 12:00:00 AM</t>
  </si>
  <si>
    <t>13030</t>
  </si>
  <si>
    <t>5051</t>
  </si>
  <si>
    <t>2661</t>
  </si>
  <si>
    <t>274506</t>
  </si>
  <si>
    <t>20048</t>
  </si>
  <si>
    <t>07/26/2012 12:00:00 AM</t>
  </si>
  <si>
    <t>4660</t>
  </si>
  <si>
    <t>4938</t>
  </si>
  <si>
    <t>6741</t>
  </si>
  <si>
    <t>248030</t>
  </si>
  <si>
    <t>7090</t>
  </si>
  <si>
    <t>07/27/2012 12:00:00 AM</t>
  </si>
  <si>
    <t>249070</t>
  </si>
  <si>
    <t>2262</t>
  </si>
  <si>
    <t>32128</t>
  </si>
  <si>
    <t>5806</t>
  </si>
  <si>
    <t>5478</t>
  </si>
  <si>
    <t>2551</t>
  </si>
  <si>
    <t>4123</t>
  </si>
  <si>
    <t>07/28/2012 12:00:00 AM</t>
  </si>
  <si>
    <t>6588</t>
  </si>
  <si>
    <t>9480</t>
  </si>
  <si>
    <t>1977</t>
  </si>
  <si>
    <t>07/29/2012 12:00:00 AM</t>
  </si>
  <si>
    <t>3269</t>
  </si>
  <si>
    <t>150047</t>
  </si>
  <si>
    <t>4840</t>
  </si>
  <si>
    <t>2462</t>
  </si>
  <si>
    <t>07/30/2012 12:00:00 AM</t>
  </si>
  <si>
    <t>11220</t>
  </si>
  <si>
    <t>840000</t>
  </si>
  <si>
    <t>SIMACOTA</t>
  </si>
  <si>
    <t>07/31/2012 12:00:00 AM</t>
  </si>
  <si>
    <t>22333</t>
  </si>
  <si>
    <t>1085000</t>
  </si>
  <si>
    <t>27676</t>
  </si>
  <si>
    <t>5915</t>
  </si>
  <si>
    <t>8735</t>
  </si>
  <si>
    <t>128770</t>
  </si>
  <si>
    <t>08/01/2012 12:00:00 AM</t>
  </si>
  <si>
    <t>12164</t>
  </si>
  <si>
    <t>29620</t>
  </si>
  <si>
    <t>08/02/2012 12:00:00 AM</t>
  </si>
  <si>
    <t>3954</t>
  </si>
  <si>
    <t>1381</t>
  </si>
  <si>
    <t>4272</t>
  </si>
  <si>
    <t>28852</t>
  </si>
  <si>
    <t>12640</t>
  </si>
  <si>
    <t>10460</t>
  </si>
  <si>
    <t>25305</t>
  </si>
  <si>
    <t>1127000</t>
  </si>
  <si>
    <t>3197</t>
  </si>
  <si>
    <t>08/03/2012 12:00:00 AM</t>
  </si>
  <si>
    <t>2245</t>
  </si>
  <si>
    <t>20266</t>
  </si>
  <si>
    <t>7424</t>
  </si>
  <si>
    <t>11225</t>
  </si>
  <si>
    <t>32393</t>
  </si>
  <si>
    <t>14906</t>
  </si>
  <si>
    <t>08/04/2012 12:00:00 AM</t>
  </si>
  <si>
    <t>3702</t>
  </si>
  <si>
    <t>40349</t>
  </si>
  <si>
    <t>11093</t>
  </si>
  <si>
    <t>34488</t>
  </si>
  <si>
    <t>40446</t>
  </si>
  <si>
    <t>08/05/2012 12:00:00 AM</t>
  </si>
  <si>
    <t>5564</t>
  </si>
  <si>
    <t>4917</t>
  </si>
  <si>
    <t>34536</t>
  </si>
  <si>
    <t>60026</t>
  </si>
  <si>
    <t>08/06/2012 12:00:00 AM</t>
  </si>
  <si>
    <t>9255</t>
  </si>
  <si>
    <t>4422</t>
  </si>
  <si>
    <t>TUNUNGUÁ</t>
  </si>
  <si>
    <t>4320</t>
  </si>
  <si>
    <t>405000</t>
  </si>
  <si>
    <t>15700</t>
  </si>
  <si>
    <t>08/07/2012 12:00:00 AM</t>
  </si>
  <si>
    <t>2611</t>
  </si>
  <si>
    <t>9156</t>
  </si>
  <si>
    <t>25804</t>
  </si>
  <si>
    <t>08/08/2012 12:00:00 AM</t>
  </si>
  <si>
    <t>2302</t>
  </si>
  <si>
    <t>5354</t>
  </si>
  <si>
    <t>8430</t>
  </si>
  <si>
    <t>18810</t>
  </si>
  <si>
    <t>28008</t>
  </si>
  <si>
    <t>4517</t>
  </si>
  <si>
    <t>08/09/2012 12:00:00 AM</t>
  </si>
  <si>
    <t>4768</t>
  </si>
  <si>
    <t>4627</t>
  </si>
  <si>
    <t>2269</t>
  </si>
  <si>
    <t>15081</t>
  </si>
  <si>
    <t>4650</t>
  </si>
  <si>
    <t>08/10/2012 12:00:00 AM</t>
  </si>
  <si>
    <t>48102</t>
  </si>
  <si>
    <t>847000</t>
  </si>
  <si>
    <t>101990</t>
  </si>
  <si>
    <t>101000</t>
  </si>
  <si>
    <t>4254</t>
  </si>
  <si>
    <t>1641</t>
  </si>
  <si>
    <t>302000</t>
  </si>
  <si>
    <t>8866</t>
  </si>
  <si>
    <t>08/11/2012 12:00:00 AM</t>
  </si>
  <si>
    <t>46635</t>
  </si>
  <si>
    <t>255750</t>
  </si>
  <si>
    <t>1474</t>
  </si>
  <si>
    <t>9973</t>
  </si>
  <si>
    <t>22611</t>
  </si>
  <si>
    <t>08/12/2012 12:00:00 AM</t>
  </si>
  <si>
    <t>5421</t>
  </si>
  <si>
    <t>19473</t>
  </si>
  <si>
    <t>6685</t>
  </si>
  <si>
    <t>08/13/2012 12:00:00 AM</t>
  </si>
  <si>
    <t>116316</t>
  </si>
  <si>
    <t>25454</t>
  </si>
  <si>
    <t>08/14/2012 12:00:00 AM</t>
  </si>
  <si>
    <t>6322</t>
  </si>
  <si>
    <t>182000</t>
  </si>
  <si>
    <t>1666</t>
  </si>
  <si>
    <t>10559</t>
  </si>
  <si>
    <t>342000</t>
  </si>
  <si>
    <t>376616</t>
  </si>
  <si>
    <t>08/15/2012 12:00:00 AM</t>
  </si>
  <si>
    <t>4991</t>
  </si>
  <si>
    <t>32064</t>
  </si>
  <si>
    <t>11988</t>
  </si>
  <si>
    <t>2374</t>
  </si>
  <si>
    <t>08/16/2012 12:00:00 AM</t>
  </si>
  <si>
    <t>7060</t>
  </si>
  <si>
    <t>4009</t>
  </si>
  <si>
    <t>1736</t>
  </si>
  <si>
    <t>12212</t>
  </si>
  <si>
    <t>08/17/2012 12:00:00 AM</t>
  </si>
  <si>
    <t>50520</t>
  </si>
  <si>
    <t>54030</t>
  </si>
  <si>
    <t>5162</t>
  </si>
  <si>
    <t>4311</t>
  </si>
  <si>
    <t>CANCHAS DE RANA</t>
  </si>
  <si>
    <t>7993</t>
  </si>
  <si>
    <t>7469</t>
  </si>
  <si>
    <t>20350</t>
  </si>
  <si>
    <t>08/18/2012 12:00:00 AM</t>
  </si>
  <si>
    <t>2063</t>
  </si>
  <si>
    <t>3747</t>
  </si>
  <si>
    <t>16320</t>
  </si>
  <si>
    <t>124150</t>
  </si>
  <si>
    <t>205517</t>
  </si>
  <si>
    <t>08/19/2012 12:00:00 AM</t>
  </si>
  <si>
    <t>MARULANDA</t>
  </si>
  <si>
    <t>129821</t>
  </si>
  <si>
    <t>2538</t>
  </si>
  <si>
    <t>08/20/2012 12:00:00 AM</t>
  </si>
  <si>
    <t>1444</t>
  </si>
  <si>
    <t>1100000</t>
  </si>
  <si>
    <t>12115</t>
  </si>
  <si>
    <t>08/21/2012 12:00:00 AM</t>
  </si>
  <si>
    <t>8725</t>
  </si>
  <si>
    <t>08/22/2012 12:00:00 AM</t>
  </si>
  <si>
    <t>232000</t>
  </si>
  <si>
    <t>5739</t>
  </si>
  <si>
    <t>08/23/2012 12:00:00 AM</t>
  </si>
  <si>
    <t>13682</t>
  </si>
  <si>
    <t>13128</t>
  </si>
  <si>
    <t>4365</t>
  </si>
  <si>
    <t>5630</t>
  </si>
  <si>
    <t>4005000</t>
  </si>
  <si>
    <t>568000</t>
  </si>
  <si>
    <t>08/24/2012 12:00:00 AM</t>
  </si>
  <si>
    <t>2311</t>
  </si>
  <si>
    <t>105200</t>
  </si>
  <si>
    <t>35152</t>
  </si>
  <si>
    <t>89045</t>
  </si>
  <si>
    <t>2567</t>
  </si>
  <si>
    <t>136046</t>
  </si>
  <si>
    <t>378000</t>
  </si>
  <si>
    <t>13295</t>
  </si>
  <si>
    <t>08/25/2012 12:00:00 AM</t>
  </si>
  <si>
    <t>40005</t>
  </si>
  <si>
    <t>3555</t>
  </si>
  <si>
    <t>476080</t>
  </si>
  <si>
    <t>08/26/2012 12:00:00 AM</t>
  </si>
  <si>
    <t>13340</t>
  </si>
  <si>
    <t>4598</t>
  </si>
  <si>
    <t>5349</t>
  </si>
  <si>
    <t>08/27/2012 12:00:00 AM</t>
  </si>
  <si>
    <t>4548</t>
  </si>
  <si>
    <t>6068</t>
  </si>
  <si>
    <t>45940</t>
  </si>
  <si>
    <t>08/28/2012 12:00:00 AM</t>
  </si>
  <si>
    <t>4611000</t>
  </si>
  <si>
    <t>10850</t>
  </si>
  <si>
    <t>1956000</t>
  </si>
  <si>
    <t>08/29/2012 12:00:00 AM</t>
  </si>
  <si>
    <t>11633</t>
  </si>
  <si>
    <t>24537</t>
  </si>
  <si>
    <t>14352</t>
  </si>
  <si>
    <t>08/30/2012 12:00:00 AM</t>
  </si>
  <si>
    <t>2632</t>
  </si>
  <si>
    <t>5753</t>
  </si>
  <si>
    <t>1974</t>
  </si>
  <si>
    <t>3595</t>
  </si>
  <si>
    <t>08/31/2012 12:00:00 AM</t>
  </si>
  <si>
    <t>97430</t>
  </si>
  <si>
    <t>261000</t>
  </si>
  <si>
    <t>09/01/2012 12:00:00 AM</t>
  </si>
  <si>
    <t>1967</t>
  </si>
  <si>
    <t>4473</t>
  </si>
  <si>
    <t>5428</t>
  </si>
  <si>
    <t>6825</t>
  </si>
  <si>
    <t>09/02/2012 12:00:00 AM</t>
  </si>
  <si>
    <t>3554</t>
  </si>
  <si>
    <t>8851</t>
  </si>
  <si>
    <t>09/03/2012 12:00:00 AM</t>
  </si>
  <si>
    <t>908070</t>
  </si>
  <si>
    <t>3535000</t>
  </si>
  <si>
    <t>09/04/2012 12:00:00 AM</t>
  </si>
  <si>
    <t>19561</t>
  </si>
  <si>
    <t>21064</t>
  </si>
  <si>
    <t>23804</t>
  </si>
  <si>
    <t>605000</t>
  </si>
  <si>
    <t>2403</t>
  </si>
  <si>
    <t>96790</t>
  </si>
  <si>
    <t>09/05/2012 12:00:00 AM</t>
  </si>
  <si>
    <t>4696</t>
  </si>
  <si>
    <t>BAGADÓ</t>
  </si>
  <si>
    <t>5370</t>
  </si>
  <si>
    <t>4736</t>
  </si>
  <si>
    <t>6475</t>
  </si>
  <si>
    <t>94020</t>
  </si>
  <si>
    <t>09/06/2012 12:00:00 AM</t>
  </si>
  <si>
    <t>14387</t>
  </si>
  <si>
    <t>25015</t>
  </si>
  <si>
    <t>09/07/2012 12:00:00 AM</t>
  </si>
  <si>
    <t>145915</t>
  </si>
  <si>
    <t>221090</t>
  </si>
  <si>
    <t>20981</t>
  </si>
  <si>
    <t>09/08/2012 12:00:00 AM</t>
  </si>
  <si>
    <t>09/09/2012 12:00:00 AM</t>
  </si>
  <si>
    <t>4573</t>
  </si>
  <si>
    <t>1370000</t>
  </si>
  <si>
    <t>6019</t>
  </si>
  <si>
    <t>16540</t>
  </si>
  <si>
    <t>09/10/2012 12:00:00 AM</t>
  </si>
  <si>
    <t>2243</t>
  </si>
  <si>
    <t>3385</t>
  </si>
  <si>
    <t>9938</t>
  </si>
  <si>
    <t>5560</t>
  </si>
  <si>
    <t>09/11/2012 12:00:00 AM</t>
  </si>
  <si>
    <t>27938</t>
  </si>
  <si>
    <t>20417</t>
  </si>
  <si>
    <t>09/12/2012 12:00:00 AM</t>
  </si>
  <si>
    <t>3367</t>
  </si>
  <si>
    <t>2599</t>
  </si>
  <si>
    <t>20180</t>
  </si>
  <si>
    <t>28730</t>
  </si>
  <si>
    <t>09/13/2012 12:00:00 AM</t>
  </si>
  <si>
    <t>4804</t>
  </si>
  <si>
    <t>26166</t>
  </si>
  <si>
    <t>SAN ZENÓN</t>
  </si>
  <si>
    <t>70023</t>
  </si>
  <si>
    <t>132054</t>
  </si>
  <si>
    <t>430000</t>
  </si>
  <si>
    <t>68478</t>
  </si>
  <si>
    <t>1450000</t>
  </si>
  <si>
    <t>09/14/2012 12:00:00 AM</t>
  </si>
  <si>
    <t>41900</t>
  </si>
  <si>
    <t>3774</t>
  </si>
  <si>
    <t>244770</t>
  </si>
  <si>
    <t>1527000</t>
  </si>
  <si>
    <t>1696000</t>
  </si>
  <si>
    <t>3384</t>
  </si>
  <si>
    <t>1825000</t>
  </si>
  <si>
    <t>7227</t>
  </si>
  <si>
    <t>09/15/2012 12:00:00 AM</t>
  </si>
  <si>
    <t>3668</t>
  </si>
  <si>
    <t>3256</t>
  </si>
  <si>
    <t>8570</t>
  </si>
  <si>
    <t>25235</t>
  </si>
  <si>
    <t>12412</t>
  </si>
  <si>
    <t>09/16/2012 12:00:00 AM</t>
  </si>
  <si>
    <t>4414</t>
  </si>
  <si>
    <t>163220</t>
  </si>
  <si>
    <t>124830</t>
  </si>
  <si>
    <t>12900</t>
  </si>
  <si>
    <t>9282</t>
  </si>
  <si>
    <t>7554</t>
  </si>
  <si>
    <t>09/17/2012 12:00:00 AM</t>
  </si>
  <si>
    <t>20705</t>
  </si>
  <si>
    <t>09/18/2012 12:00:00 AM</t>
  </si>
  <si>
    <t>7666</t>
  </si>
  <si>
    <t>1138</t>
  </si>
  <si>
    <t>3556</t>
  </si>
  <si>
    <t>1193</t>
  </si>
  <si>
    <t>09/19/2012 12:00:00 AM</t>
  </si>
  <si>
    <t>2383</t>
  </si>
  <si>
    <t>3111</t>
  </si>
  <si>
    <t>2583</t>
  </si>
  <si>
    <t>3076</t>
  </si>
  <si>
    <t>20600</t>
  </si>
  <si>
    <t>30045</t>
  </si>
  <si>
    <t>96471</t>
  </si>
  <si>
    <t>09/20/2012 12:00:00 AM</t>
  </si>
  <si>
    <t>TIPO EXPLOTACIÓN CARBON</t>
  </si>
  <si>
    <t>7982</t>
  </si>
  <si>
    <t>2342</t>
  </si>
  <si>
    <t>160720</t>
  </si>
  <si>
    <t>3002</t>
  </si>
  <si>
    <t>142824</t>
  </si>
  <si>
    <t>423059</t>
  </si>
  <si>
    <t>2029401</t>
  </si>
  <si>
    <t>2824</t>
  </si>
  <si>
    <t>2738</t>
  </si>
  <si>
    <t>136303</t>
  </si>
  <si>
    <t>4529</t>
  </si>
  <si>
    <t>09/21/2012 12:00:00 AM</t>
  </si>
  <si>
    <t>2236</t>
  </si>
  <si>
    <t>23919</t>
  </si>
  <si>
    <t>8450</t>
  </si>
  <si>
    <t>103034</t>
  </si>
  <si>
    <t>09/22/2012 12:00:00 AM</t>
  </si>
  <si>
    <t>11390</t>
  </si>
  <si>
    <t>4110</t>
  </si>
  <si>
    <t>245614</t>
  </si>
  <si>
    <t>5861</t>
  </si>
  <si>
    <t>09/23/2012 12:00:00 AM</t>
  </si>
  <si>
    <t>55539</t>
  </si>
  <si>
    <t>09/24/2012 12:00:00 AM</t>
  </si>
  <si>
    <t>141500</t>
  </si>
  <si>
    <t>284000</t>
  </si>
  <si>
    <t>4519</t>
  </si>
  <si>
    <t>09/25/2012 12:00:00 AM</t>
  </si>
  <si>
    <t>1731</t>
  </si>
  <si>
    <t>13090</t>
  </si>
  <si>
    <t>7957</t>
  </si>
  <si>
    <t>512000</t>
  </si>
  <si>
    <t>6060</t>
  </si>
  <si>
    <t>23700</t>
  </si>
  <si>
    <t>09/26/2012 12:00:00 AM</t>
  </si>
  <si>
    <t>44300</t>
  </si>
  <si>
    <t>1539</t>
  </si>
  <si>
    <t>09/27/2012 12:00:00 AM</t>
  </si>
  <si>
    <t>4288</t>
  </si>
  <si>
    <t>625000</t>
  </si>
  <si>
    <t>8083</t>
  </si>
  <si>
    <t>1754</t>
  </si>
  <si>
    <t>11980</t>
  </si>
  <si>
    <t>09/28/2012 12:00:00 AM</t>
  </si>
  <si>
    <t>3245</t>
  </si>
  <si>
    <t>3908</t>
  </si>
  <si>
    <t>16099</t>
  </si>
  <si>
    <t>23972</t>
  </si>
  <si>
    <t>70033</t>
  </si>
  <si>
    <t>25012</t>
  </si>
  <si>
    <t>8079</t>
  </si>
  <si>
    <t>09/29/2012 12:00:00 AM</t>
  </si>
  <si>
    <t>4734</t>
  </si>
  <si>
    <t>12622</t>
  </si>
  <si>
    <t>10855</t>
  </si>
  <si>
    <t>89606</t>
  </si>
  <si>
    <t>5610</t>
  </si>
  <si>
    <t>6313</t>
  </si>
  <si>
    <t>09/30/2012 12:00:00 AM</t>
  </si>
  <si>
    <t>48690</t>
  </si>
  <si>
    <t>7385</t>
  </si>
  <si>
    <t>10/01/2012 12:00:00 AM</t>
  </si>
  <si>
    <t>186046</t>
  </si>
  <si>
    <t>3308</t>
  </si>
  <si>
    <t>10/02/2012 12:00:00 AM</t>
  </si>
  <si>
    <t>43821</t>
  </si>
  <si>
    <t>2737</t>
  </si>
  <si>
    <t>4516</t>
  </si>
  <si>
    <t>10/03/2012 12:00:00 AM</t>
  </si>
  <si>
    <t>102400</t>
  </si>
  <si>
    <t>FLORESTA</t>
  </si>
  <si>
    <t>6369</t>
  </si>
  <si>
    <t>863000</t>
  </si>
  <si>
    <t>10/04/2012 12:00:00 AM</t>
  </si>
  <si>
    <t>58860</t>
  </si>
  <si>
    <t>3217</t>
  </si>
  <si>
    <t>GUAVATÁ</t>
  </si>
  <si>
    <t>10/05/2012 12:00:00 AM</t>
  </si>
  <si>
    <t>29280</t>
  </si>
  <si>
    <t>1299</t>
  </si>
  <si>
    <t>10/06/2012 12:00:00 AM</t>
  </si>
  <si>
    <t>4348</t>
  </si>
  <si>
    <t>3834</t>
  </si>
  <si>
    <t>583000</t>
  </si>
  <si>
    <t>10/07/2012 12:00:00 AM</t>
  </si>
  <si>
    <t>30242</t>
  </si>
  <si>
    <t>32718</t>
  </si>
  <si>
    <t>10/08/2012 12:00:00 AM</t>
  </si>
  <si>
    <t>2211</t>
  </si>
  <si>
    <t>12319</t>
  </si>
  <si>
    <t>94640</t>
  </si>
  <si>
    <t>47123</t>
  </si>
  <si>
    <t>4278</t>
  </si>
  <si>
    <t>11830</t>
  </si>
  <si>
    <t>10/09/2012 12:00:00 AM</t>
  </si>
  <si>
    <t>22054</t>
  </si>
  <si>
    <t>270000</t>
  </si>
  <si>
    <t>10/10/2012 12:00:00 AM</t>
  </si>
  <si>
    <t>2759</t>
  </si>
  <si>
    <t>10972</t>
  </si>
  <si>
    <t>7226</t>
  </si>
  <si>
    <t>715389</t>
  </si>
  <si>
    <t>TIPO EXPLOTACIÓN ARENA</t>
  </si>
  <si>
    <t>CHARTA</t>
  </si>
  <si>
    <t>5720</t>
  </si>
  <si>
    <t>6177</t>
  </si>
  <si>
    <t>10/11/2012 12:00:00 AM</t>
  </si>
  <si>
    <t>11299</t>
  </si>
  <si>
    <t>2670</t>
  </si>
  <si>
    <t>3537</t>
  </si>
  <si>
    <t>29990</t>
  </si>
  <si>
    <t>2071</t>
  </si>
  <si>
    <t>25100</t>
  </si>
  <si>
    <t>10/12/2012 12:00:00 AM</t>
  </si>
  <si>
    <t>64988</t>
  </si>
  <si>
    <t>3986</t>
  </si>
  <si>
    <t>16098</t>
  </si>
  <si>
    <t>10/13/2012 12:00:00 AM</t>
  </si>
  <si>
    <t>3106</t>
  </si>
  <si>
    <t>27247</t>
  </si>
  <si>
    <t>58887</t>
  </si>
  <si>
    <t>3941</t>
  </si>
  <si>
    <t>10102</t>
  </si>
  <si>
    <t>10/14/2012 12:00:00 AM</t>
  </si>
  <si>
    <t>4099</t>
  </si>
  <si>
    <t>2037</t>
  </si>
  <si>
    <t>2196</t>
  </si>
  <si>
    <t>10/15/2012 12:00:00 AM</t>
  </si>
  <si>
    <t>26446</t>
  </si>
  <si>
    <t>10/16/2012 12:00:00 AM</t>
  </si>
  <si>
    <t>5978</t>
  </si>
  <si>
    <t>125167</t>
  </si>
  <si>
    <t>10/17/2012 12:00:00 AM</t>
  </si>
  <si>
    <t>3113</t>
  </si>
  <si>
    <t>10/18/2012 12:00:00 AM</t>
  </si>
  <si>
    <t>4576</t>
  </si>
  <si>
    <t>779720</t>
  </si>
  <si>
    <t>58105</t>
  </si>
  <si>
    <t>10/19/2012 12:00:00 AM</t>
  </si>
  <si>
    <t>1582</t>
  </si>
  <si>
    <t>180073</t>
  </si>
  <si>
    <t>10/20/2012 12:00:00 AM</t>
  </si>
  <si>
    <t>2032910</t>
  </si>
  <si>
    <t>75772</t>
  </si>
  <si>
    <t>REPRESAS</t>
  </si>
  <si>
    <t>3304</t>
  </si>
  <si>
    <t>7675</t>
  </si>
  <si>
    <t>10/21/2012 12:00:00 AM</t>
  </si>
  <si>
    <t>3815</t>
  </si>
  <si>
    <t>660071</t>
  </si>
  <si>
    <t>10/22/2012 12:00:00 AM</t>
  </si>
  <si>
    <t>8934</t>
  </si>
  <si>
    <t>4808</t>
  </si>
  <si>
    <t>928000</t>
  </si>
  <si>
    <t>21973</t>
  </si>
  <si>
    <t>11549</t>
  </si>
  <si>
    <t>10/23/2012 12:00:00 AM</t>
  </si>
  <si>
    <t>5275</t>
  </si>
  <si>
    <t>1033000</t>
  </si>
  <si>
    <t>1469</t>
  </si>
  <si>
    <t>28736</t>
  </si>
  <si>
    <t>1063000</t>
  </si>
  <si>
    <t>1230000</t>
  </si>
  <si>
    <t>5804</t>
  </si>
  <si>
    <t>1298600</t>
  </si>
  <si>
    <t>25295</t>
  </si>
  <si>
    <t>10/24/2012 12:00:00 AM</t>
  </si>
  <si>
    <t>27552</t>
  </si>
  <si>
    <t>11200</t>
  </si>
  <si>
    <t>TALLERES ELECTRICIDAD</t>
  </si>
  <si>
    <t>200800</t>
  </si>
  <si>
    <t>SAN JACINTO DEL CAUCA</t>
  </si>
  <si>
    <t>3605</t>
  </si>
  <si>
    <t>10483</t>
  </si>
  <si>
    <t>4029</t>
  </si>
  <si>
    <t>20280</t>
  </si>
  <si>
    <t>10/25/2012 12:00:00 AM</t>
  </si>
  <si>
    <t>7482</t>
  </si>
  <si>
    <t>1631</t>
  </si>
  <si>
    <t>7089</t>
  </si>
  <si>
    <t>12073</t>
  </si>
  <si>
    <t>15445</t>
  </si>
  <si>
    <t>10/26/2012 12:00:00 AM</t>
  </si>
  <si>
    <t>11208</t>
  </si>
  <si>
    <t>4221</t>
  </si>
  <si>
    <t>2565</t>
  </si>
  <si>
    <t>2261</t>
  </si>
  <si>
    <t>3216</t>
  </si>
  <si>
    <t>5116</t>
  </si>
  <si>
    <t>10/27/2012 12:00:00 AM</t>
  </si>
  <si>
    <t>7405</t>
  </si>
  <si>
    <t>2540</t>
  </si>
  <si>
    <t>16123</t>
  </si>
  <si>
    <t>10/28/2012 12:00:00 AM</t>
  </si>
  <si>
    <t>3278</t>
  </si>
  <si>
    <t>370300</t>
  </si>
  <si>
    <t>10455</t>
  </si>
  <si>
    <t>10/29/2012 12:00:00 AM</t>
  </si>
  <si>
    <t>30657</t>
  </si>
  <si>
    <t>892650</t>
  </si>
  <si>
    <t>10/30/2012 12:00:00 AM</t>
  </si>
  <si>
    <t>4994</t>
  </si>
  <si>
    <t>3022</t>
  </si>
  <si>
    <t>10/31/2012 12:00:00 AM</t>
  </si>
  <si>
    <t>904310</t>
  </si>
  <si>
    <t>28790</t>
  </si>
  <si>
    <t>7099</t>
  </si>
  <si>
    <t>5860</t>
  </si>
  <si>
    <t>38495</t>
  </si>
  <si>
    <t>24035</t>
  </si>
  <si>
    <t>11/01/2012 12:00:00 AM</t>
  </si>
  <si>
    <t>375100</t>
  </si>
  <si>
    <t>348000</t>
  </si>
  <si>
    <t>150132</t>
  </si>
  <si>
    <t>1091</t>
  </si>
  <si>
    <t>11/02/2012 12:00:00 AM</t>
  </si>
  <si>
    <t>80270</t>
  </si>
  <si>
    <t>1104000</t>
  </si>
  <si>
    <t>21276</t>
  </si>
  <si>
    <t>11/03/2012 12:00:00 AM</t>
  </si>
  <si>
    <t>7002</t>
  </si>
  <si>
    <t>349743</t>
  </si>
  <si>
    <t>17393</t>
  </si>
  <si>
    <t>11/04/2012 12:00:00 AM</t>
  </si>
  <si>
    <t>143596</t>
  </si>
  <si>
    <t>11/05/2012 12:00:00 AM</t>
  </si>
  <si>
    <t>11/06/2012 12:00:00 AM</t>
  </si>
  <si>
    <t>11/07/2012 12:00:00 AM</t>
  </si>
  <si>
    <t>731</t>
  </si>
  <si>
    <t>21363</t>
  </si>
  <si>
    <t>11/08/2012 12:00:00 AM</t>
  </si>
  <si>
    <t>1442</t>
  </si>
  <si>
    <t>12618</t>
  </si>
  <si>
    <t>7309</t>
  </si>
  <si>
    <t>5655</t>
  </si>
  <si>
    <t>8585</t>
  </si>
  <si>
    <t>15010</t>
  </si>
  <si>
    <t>11/09/2012 12:00:00 AM</t>
  </si>
  <si>
    <t>3579</t>
  </si>
  <si>
    <t>18488</t>
  </si>
  <si>
    <t>74155</t>
  </si>
  <si>
    <t>79122</t>
  </si>
  <si>
    <t>28750</t>
  </si>
  <si>
    <t>3567</t>
  </si>
  <si>
    <t>38500</t>
  </si>
  <si>
    <t>9110</t>
  </si>
  <si>
    <t>9217</t>
  </si>
  <si>
    <t>11/10/2012 12:00:00 AM</t>
  </si>
  <si>
    <t>107427</t>
  </si>
  <si>
    <t>11/11/2012 12:00:00 AM</t>
  </si>
  <si>
    <t>624222</t>
  </si>
  <si>
    <t>62175</t>
  </si>
  <si>
    <t>98100</t>
  </si>
  <si>
    <t>11/12/2012 12:00:00 AM</t>
  </si>
  <si>
    <t>10408</t>
  </si>
  <si>
    <t>11/13/2012 12:00:00 AM</t>
  </si>
  <si>
    <t>97658</t>
  </si>
  <si>
    <t>5060</t>
  </si>
  <si>
    <t>23450</t>
  </si>
  <si>
    <t>3856</t>
  </si>
  <si>
    <t>14900000</t>
  </si>
  <si>
    <t>43500</t>
  </si>
  <si>
    <t>11/14/2012 12:00:00 AM</t>
  </si>
  <si>
    <t>4144</t>
  </si>
  <si>
    <t>86267</t>
  </si>
  <si>
    <t>76109</t>
  </si>
  <si>
    <t>3735</t>
  </si>
  <si>
    <t>13545</t>
  </si>
  <si>
    <t>11/15/2012 12:00:00 AM</t>
  </si>
  <si>
    <t>15511</t>
  </si>
  <si>
    <t>27425</t>
  </si>
  <si>
    <t>3169</t>
  </si>
  <si>
    <t>4112</t>
  </si>
  <si>
    <t>84000</t>
  </si>
  <si>
    <t>11/16/2012 12:00:00 AM</t>
  </si>
  <si>
    <t>6116</t>
  </si>
  <si>
    <t>6057</t>
  </si>
  <si>
    <t>238004</t>
  </si>
  <si>
    <t>51316</t>
  </si>
  <si>
    <t>11/17/2012 12:00:00 AM</t>
  </si>
  <si>
    <t>8015</t>
  </si>
  <si>
    <t>9740</t>
  </si>
  <si>
    <t>21800</t>
  </si>
  <si>
    <t>34031</t>
  </si>
  <si>
    <t>11/18/2012 12:00:00 AM</t>
  </si>
  <si>
    <t>11/19/2012 12:00:00 AM</t>
  </si>
  <si>
    <t>2227</t>
  </si>
  <si>
    <t>5757</t>
  </si>
  <si>
    <t>9423</t>
  </si>
  <si>
    <t>11/20/2012 12:00:00 AM</t>
  </si>
  <si>
    <t>634000</t>
  </si>
  <si>
    <t>69929</t>
  </si>
  <si>
    <t>2862</t>
  </si>
  <si>
    <t>103955</t>
  </si>
  <si>
    <t>5631</t>
  </si>
  <si>
    <t>11/21/2012 12:00:00 AM</t>
  </si>
  <si>
    <t>6706</t>
  </si>
  <si>
    <t>1576000</t>
  </si>
  <si>
    <t>21880</t>
  </si>
  <si>
    <t>11/22/2012 12:00:00 AM</t>
  </si>
  <si>
    <t>2867</t>
  </si>
  <si>
    <t>4753</t>
  </si>
  <si>
    <t>232890</t>
  </si>
  <si>
    <t>CAÑADUZAL</t>
  </si>
  <si>
    <t>11/23/2012 12:00:00 AM</t>
  </si>
  <si>
    <t>3097</t>
  </si>
  <si>
    <t>11/24/2012 12:00:00 AM</t>
  </si>
  <si>
    <t>4341</t>
  </si>
  <si>
    <t>980000</t>
  </si>
  <si>
    <t>4613312</t>
  </si>
  <si>
    <t>10123</t>
  </si>
  <si>
    <t>2344</t>
  </si>
  <si>
    <t>11/25/2012 12:00:00 AM</t>
  </si>
  <si>
    <t>60560</t>
  </si>
  <si>
    <t>10762</t>
  </si>
  <si>
    <t>11/26/2012 12:00:00 AM</t>
  </si>
  <si>
    <t>14300</t>
  </si>
  <si>
    <t>11/27/2012 12:00:00 AM</t>
  </si>
  <si>
    <t>6038</t>
  </si>
  <si>
    <t>3057</t>
  </si>
  <si>
    <t>12738</t>
  </si>
  <si>
    <t>27520</t>
  </si>
  <si>
    <t>26909</t>
  </si>
  <si>
    <t>11/28/2012 12:00:00 AM</t>
  </si>
  <si>
    <t>15630</t>
  </si>
  <si>
    <t>660000</t>
  </si>
  <si>
    <t>13552</t>
  </si>
  <si>
    <t>6408</t>
  </si>
  <si>
    <t>11/29/2012 12:00:00 AM</t>
  </si>
  <si>
    <t>1418</t>
  </si>
  <si>
    <t>46166</t>
  </si>
  <si>
    <t>2936</t>
  </si>
  <si>
    <t>11/30/2012 12:00:00 AM</t>
  </si>
  <si>
    <t>233000</t>
  </si>
  <si>
    <t>29530</t>
  </si>
  <si>
    <t>5730</t>
  </si>
  <si>
    <t>2040000</t>
  </si>
  <si>
    <t>16389</t>
  </si>
  <si>
    <t>2493</t>
  </si>
  <si>
    <t>12/01/2012 12:00:00 AM</t>
  </si>
  <si>
    <t>1946</t>
  </si>
  <si>
    <t>12/02/2012 12:00:00 AM</t>
  </si>
  <si>
    <t>12/03/2012 12:00:00 AM</t>
  </si>
  <si>
    <t>TIPO EXPLOTACIÓN PLATA</t>
  </si>
  <si>
    <t>20742</t>
  </si>
  <si>
    <t>14050</t>
  </si>
  <si>
    <t>12/04/2012 12:00:00 AM</t>
  </si>
  <si>
    <t>315029</t>
  </si>
  <si>
    <t>2380000</t>
  </si>
  <si>
    <t>7736</t>
  </si>
  <si>
    <t>1981</t>
  </si>
  <si>
    <t>196247</t>
  </si>
  <si>
    <t>9941</t>
  </si>
  <si>
    <t>1914000</t>
  </si>
  <si>
    <t>12/05/2012 12:00:00 AM</t>
  </si>
  <si>
    <t>2205</t>
  </si>
  <si>
    <t>5077</t>
  </si>
  <si>
    <t>212000</t>
  </si>
  <si>
    <t>12/06/2012 12:00:00 AM</t>
  </si>
  <si>
    <t>4383</t>
  </si>
  <si>
    <t>6483</t>
  </si>
  <si>
    <t>4845</t>
  </si>
  <si>
    <t>267079</t>
  </si>
  <si>
    <t>10040</t>
  </si>
  <si>
    <t>12/07/2012 12:00:00 AM</t>
  </si>
  <si>
    <t>3935</t>
  </si>
  <si>
    <t>90590</t>
  </si>
  <si>
    <t>25289</t>
  </si>
  <si>
    <t>12/08/2012 12:00:00 AM</t>
  </si>
  <si>
    <t>15640</t>
  </si>
  <si>
    <t>178052</t>
  </si>
  <si>
    <t>7629</t>
  </si>
  <si>
    <t>456000</t>
  </si>
  <si>
    <t>12/09/2012 12:00:00 AM</t>
  </si>
  <si>
    <t>3428</t>
  </si>
  <si>
    <t>12/10/2012 12:00:00 AM</t>
  </si>
  <si>
    <t>88896</t>
  </si>
  <si>
    <t>152000</t>
  </si>
  <si>
    <t>36290</t>
  </si>
  <si>
    <t>3277</t>
  </si>
  <si>
    <t>12/11/2012 12:00:00 AM</t>
  </si>
  <si>
    <t>124960</t>
  </si>
  <si>
    <t>2277038</t>
  </si>
  <si>
    <t>3973</t>
  </si>
  <si>
    <t>4969</t>
  </si>
  <si>
    <t>12/12/2012 12:00:00 AM</t>
  </si>
  <si>
    <t>12/13/2012 12:00:00 AM</t>
  </si>
  <si>
    <t>12/14/2012 12:00:00 AM</t>
  </si>
  <si>
    <t>4444</t>
  </si>
  <si>
    <t>5068</t>
  </si>
  <si>
    <t>10930</t>
  </si>
  <si>
    <t>51390</t>
  </si>
  <si>
    <t>51039</t>
  </si>
  <si>
    <t>12/15/2012 12:00:00 AM</t>
  </si>
  <si>
    <t>50250</t>
  </si>
  <si>
    <t>1563000</t>
  </si>
  <si>
    <t>74056</t>
  </si>
  <si>
    <t>8530</t>
  </si>
  <si>
    <t>1747</t>
  </si>
  <si>
    <t>12/16/2012 12:00:00 AM</t>
  </si>
  <si>
    <t>13590</t>
  </si>
  <si>
    <t>FONDAS</t>
  </si>
  <si>
    <t>15720</t>
  </si>
  <si>
    <t>12/17/2012 12:00:00 AM</t>
  </si>
  <si>
    <t>12/18/2012 12:00:00 AM</t>
  </si>
  <si>
    <t>13080</t>
  </si>
  <si>
    <t>21990</t>
  </si>
  <si>
    <t>58910</t>
  </si>
  <si>
    <t>5616</t>
  </si>
  <si>
    <t>1593</t>
  </si>
  <si>
    <t>8014</t>
  </si>
  <si>
    <t>12/19/2012 12:00:00 AM</t>
  </si>
  <si>
    <t>4832</t>
  </si>
  <si>
    <t>100805</t>
  </si>
  <si>
    <t>29939</t>
  </si>
  <si>
    <t>301000</t>
  </si>
  <si>
    <t>2464</t>
  </si>
  <si>
    <t>3703</t>
  </si>
  <si>
    <t>15113</t>
  </si>
  <si>
    <t>2634</t>
  </si>
  <si>
    <t>12561</t>
  </si>
  <si>
    <t>12/20/2012 12:00:00 AM</t>
  </si>
  <si>
    <t>32257</t>
  </si>
  <si>
    <t>785000</t>
  </si>
  <si>
    <t>5794</t>
  </si>
  <si>
    <t>4637</t>
  </si>
  <si>
    <t>12/21/2012 12:00:00 AM</t>
  </si>
  <si>
    <t>1175000</t>
  </si>
  <si>
    <t>7608</t>
  </si>
  <si>
    <t>12742</t>
  </si>
  <si>
    <t>5692</t>
  </si>
  <si>
    <t>12/22/2012 12:00:00 AM</t>
  </si>
  <si>
    <t>12/23/2012 12:00:00 AM</t>
  </si>
  <si>
    <t>5981</t>
  </si>
  <si>
    <t>43176</t>
  </si>
  <si>
    <t>4728</t>
  </si>
  <si>
    <t>12/24/2012 12:00:00 AM</t>
  </si>
  <si>
    <t>11435</t>
  </si>
  <si>
    <t>6492</t>
  </si>
  <si>
    <t>12/25/2012 12:00:00 AM</t>
  </si>
  <si>
    <t>27936</t>
  </si>
  <si>
    <t>12/26/2012 12:00:00 AM</t>
  </si>
  <si>
    <t>8875</t>
  </si>
  <si>
    <t>80056</t>
  </si>
  <si>
    <t>30056</t>
  </si>
  <si>
    <t>12/27/2012 12:00:00 AM</t>
  </si>
  <si>
    <t>443000</t>
  </si>
  <si>
    <t>38470</t>
  </si>
  <si>
    <t>12/28/2012 12:00:00 AM</t>
  </si>
  <si>
    <t>12/29/2012 12:00:00 AM</t>
  </si>
  <si>
    <t>7888</t>
  </si>
  <si>
    <t>12/30/2012 12:00:00 AM</t>
  </si>
  <si>
    <t>6895</t>
  </si>
  <si>
    <t>12/31/2012 12:00:00 AM</t>
  </si>
  <si>
    <t>4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indexed="8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8">
    <xf numFmtId="0" fontId="0" fillId="0" borderId="0" xfId="0"/>
    <xf numFmtId="0" fontId="0" fillId="0" borderId="0" xfId="0"/>
    <xf numFmtId="0" fontId="0" fillId="0" borderId="0" xfId="0"/>
    <xf numFmtId="0" fontId="0" fillId="0" borderId="0" xfId="0"/>
    <xf numFmtId="0" fontId="0" fillId="0" borderId="0" xfId="0"/>
    <xf numFmtId="0" fontId="0" fillId="0" borderId="0" xfId="0"/>
    <xf numFmtId="0" fontId="0" fillId="0" borderId="0" xfId="0"/>
    <xf numFmtId="0" fontId="0" fillId="0" borderId="0" xfId="0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First Shee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Suarez Conde, Santiago</cp:lastModifiedBy>
  <dcterms:created xsi:type="dcterms:W3CDTF">2018-10-11T21:04:39Z</dcterms:created>
  <dcterms:modified xsi:type="dcterms:W3CDTF">2018-10-11T22:27:15Z</dcterms:modified>
</cp:coreProperties>
</file>